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21"/>
  </p:sldMasterIdLst>
  <p:notesMasterIdLst>
    <p:notesMasterId r:id="rId68"/>
  </p:notesMasterIdLst>
  <p:handoutMasterIdLst>
    <p:handoutMasterId r:id="rId69"/>
  </p:handoutMasterIdLst>
  <p:sldIdLst>
    <p:sldId id="292" r:id="rId22"/>
    <p:sldId id="305" r:id="rId23"/>
    <p:sldId id="325" r:id="rId24"/>
    <p:sldId id="327" r:id="rId25"/>
    <p:sldId id="326" r:id="rId26"/>
    <p:sldId id="329" r:id="rId27"/>
    <p:sldId id="328" r:id="rId28"/>
    <p:sldId id="331" r:id="rId29"/>
    <p:sldId id="332" r:id="rId30"/>
    <p:sldId id="334" r:id="rId31"/>
    <p:sldId id="293" r:id="rId32"/>
    <p:sldId id="344" r:id="rId33"/>
    <p:sldId id="330" r:id="rId34"/>
    <p:sldId id="345" r:id="rId35"/>
    <p:sldId id="346" r:id="rId36"/>
    <p:sldId id="347" r:id="rId37"/>
    <p:sldId id="348" r:id="rId38"/>
    <p:sldId id="351" r:id="rId39"/>
    <p:sldId id="352" r:id="rId40"/>
    <p:sldId id="350" r:id="rId41"/>
    <p:sldId id="353" r:id="rId42"/>
    <p:sldId id="354" r:id="rId43"/>
    <p:sldId id="355" r:id="rId44"/>
    <p:sldId id="358" r:id="rId45"/>
    <p:sldId id="356" r:id="rId46"/>
    <p:sldId id="357" r:id="rId47"/>
    <p:sldId id="359" r:id="rId48"/>
    <p:sldId id="360" r:id="rId49"/>
    <p:sldId id="361" r:id="rId50"/>
    <p:sldId id="368" r:id="rId51"/>
    <p:sldId id="362" r:id="rId52"/>
    <p:sldId id="369" r:id="rId53"/>
    <p:sldId id="370" r:id="rId54"/>
    <p:sldId id="375" r:id="rId55"/>
    <p:sldId id="376" r:id="rId56"/>
    <p:sldId id="364" r:id="rId57"/>
    <p:sldId id="366" r:id="rId58"/>
    <p:sldId id="377" r:id="rId59"/>
    <p:sldId id="378" r:id="rId60"/>
    <p:sldId id="363" r:id="rId61"/>
    <p:sldId id="303" r:id="rId62"/>
    <p:sldId id="367" r:id="rId63"/>
    <p:sldId id="337" r:id="rId64"/>
    <p:sldId id="372" r:id="rId65"/>
    <p:sldId id="373" r:id="rId66"/>
    <p:sldId id="374" r:id="rId6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12C101E-2E37-44C5-A33D-FCEEFD6B5181}" v="148" dt="2021-04-28T22:39:18.88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005" autoAdjust="0"/>
    <p:restoredTop sz="88523" autoAdjust="0"/>
  </p:normalViewPr>
  <p:slideViewPr>
    <p:cSldViewPr snapToGrid="0" showGuides="1">
      <p:cViewPr varScale="1">
        <p:scale>
          <a:sx n="106" d="100"/>
          <a:sy n="106" d="100"/>
        </p:scale>
        <p:origin x="114" y="204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5.xml"/><Relationship Id="rId39" Type="http://schemas.openxmlformats.org/officeDocument/2006/relationships/slide" Target="slides/slide18.xml"/><Relationship Id="rId21" Type="http://schemas.openxmlformats.org/officeDocument/2006/relationships/slideMaster" Target="slideMasters/slideMaster1.xml"/><Relationship Id="rId34" Type="http://schemas.openxmlformats.org/officeDocument/2006/relationships/slide" Target="slides/slide13.xml"/><Relationship Id="rId42" Type="http://schemas.openxmlformats.org/officeDocument/2006/relationships/slide" Target="slides/slide21.xml"/><Relationship Id="rId47" Type="http://schemas.openxmlformats.org/officeDocument/2006/relationships/slide" Target="slides/slide26.xml"/><Relationship Id="rId50" Type="http://schemas.openxmlformats.org/officeDocument/2006/relationships/slide" Target="slides/slide29.xml"/><Relationship Id="rId55" Type="http://schemas.openxmlformats.org/officeDocument/2006/relationships/slide" Target="slides/slide34.xml"/><Relationship Id="rId63" Type="http://schemas.openxmlformats.org/officeDocument/2006/relationships/slide" Target="slides/slide42.xml"/><Relationship Id="rId68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71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8.xml"/><Relationship Id="rId11" Type="http://schemas.openxmlformats.org/officeDocument/2006/relationships/customXml" Target="../customXml/item11.xml"/><Relationship Id="rId24" Type="http://schemas.openxmlformats.org/officeDocument/2006/relationships/slide" Target="slides/slide3.xml"/><Relationship Id="rId32" Type="http://schemas.openxmlformats.org/officeDocument/2006/relationships/slide" Target="slides/slide11.xml"/><Relationship Id="rId37" Type="http://schemas.openxmlformats.org/officeDocument/2006/relationships/slide" Target="slides/slide16.xml"/><Relationship Id="rId40" Type="http://schemas.openxmlformats.org/officeDocument/2006/relationships/slide" Target="slides/slide19.xml"/><Relationship Id="rId45" Type="http://schemas.openxmlformats.org/officeDocument/2006/relationships/slide" Target="slides/slide24.xml"/><Relationship Id="rId53" Type="http://schemas.openxmlformats.org/officeDocument/2006/relationships/slide" Target="slides/slide32.xml"/><Relationship Id="rId58" Type="http://schemas.openxmlformats.org/officeDocument/2006/relationships/slide" Target="slides/slide37.xml"/><Relationship Id="rId66" Type="http://schemas.openxmlformats.org/officeDocument/2006/relationships/slide" Target="slides/slide45.xml"/><Relationship Id="rId74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2.xml"/><Relationship Id="rId28" Type="http://schemas.openxmlformats.org/officeDocument/2006/relationships/slide" Target="slides/slide7.xml"/><Relationship Id="rId36" Type="http://schemas.openxmlformats.org/officeDocument/2006/relationships/slide" Target="slides/slide15.xml"/><Relationship Id="rId49" Type="http://schemas.openxmlformats.org/officeDocument/2006/relationships/slide" Target="slides/slide28.xml"/><Relationship Id="rId57" Type="http://schemas.openxmlformats.org/officeDocument/2006/relationships/slide" Target="slides/slide36.xml"/><Relationship Id="rId61" Type="http://schemas.openxmlformats.org/officeDocument/2006/relationships/slide" Target="slides/slide40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0.xml"/><Relationship Id="rId44" Type="http://schemas.openxmlformats.org/officeDocument/2006/relationships/slide" Target="slides/slide23.xml"/><Relationship Id="rId52" Type="http://schemas.openxmlformats.org/officeDocument/2006/relationships/slide" Target="slides/slide31.xml"/><Relationship Id="rId60" Type="http://schemas.openxmlformats.org/officeDocument/2006/relationships/slide" Target="slides/slide39.xml"/><Relationship Id="rId65" Type="http://schemas.openxmlformats.org/officeDocument/2006/relationships/slide" Target="slides/slide44.xml"/><Relationship Id="rId73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1.xml"/><Relationship Id="rId27" Type="http://schemas.openxmlformats.org/officeDocument/2006/relationships/slide" Target="slides/slide6.xml"/><Relationship Id="rId30" Type="http://schemas.openxmlformats.org/officeDocument/2006/relationships/slide" Target="slides/slide9.xml"/><Relationship Id="rId35" Type="http://schemas.openxmlformats.org/officeDocument/2006/relationships/slide" Target="slides/slide14.xml"/><Relationship Id="rId43" Type="http://schemas.openxmlformats.org/officeDocument/2006/relationships/slide" Target="slides/slide22.xml"/><Relationship Id="rId48" Type="http://schemas.openxmlformats.org/officeDocument/2006/relationships/slide" Target="slides/slide27.xml"/><Relationship Id="rId56" Type="http://schemas.openxmlformats.org/officeDocument/2006/relationships/slide" Target="slides/slide35.xml"/><Relationship Id="rId64" Type="http://schemas.openxmlformats.org/officeDocument/2006/relationships/slide" Target="slides/slide43.xml"/><Relationship Id="rId69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slide" Target="slides/slide30.xml"/><Relationship Id="rId72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4.xml"/><Relationship Id="rId33" Type="http://schemas.openxmlformats.org/officeDocument/2006/relationships/slide" Target="slides/slide12.xml"/><Relationship Id="rId38" Type="http://schemas.openxmlformats.org/officeDocument/2006/relationships/slide" Target="slides/slide17.xml"/><Relationship Id="rId46" Type="http://schemas.openxmlformats.org/officeDocument/2006/relationships/slide" Target="slides/slide25.xml"/><Relationship Id="rId59" Type="http://schemas.openxmlformats.org/officeDocument/2006/relationships/slide" Target="slides/slide38.xml"/><Relationship Id="rId67" Type="http://schemas.openxmlformats.org/officeDocument/2006/relationships/slide" Target="slides/slide46.xml"/><Relationship Id="rId20" Type="http://schemas.openxmlformats.org/officeDocument/2006/relationships/customXml" Target="../customXml/item20.xml"/><Relationship Id="rId41" Type="http://schemas.openxmlformats.org/officeDocument/2006/relationships/slide" Target="slides/slide20.xml"/><Relationship Id="rId54" Type="http://schemas.openxmlformats.org/officeDocument/2006/relationships/slide" Target="slides/slide33.xml"/><Relationship Id="rId62" Type="http://schemas.openxmlformats.org/officeDocument/2006/relationships/slide" Target="slides/slide41.xml"/><Relationship Id="rId70" Type="http://schemas.openxmlformats.org/officeDocument/2006/relationships/presProps" Target="presProps.xml"/><Relationship Id="rId75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Ib Helmer Nielsen" userId="1d84c586-4ac4-4675-b33f-4966539925d6" providerId="ADAL" clId="{E12C101E-2E37-44C5-A33D-FCEEFD6B5181}"/>
    <pc:docChg chg="undo custSel addSld delSld modSld sldOrd">
      <pc:chgData name="Ib Helmer Nielsen" userId="1d84c586-4ac4-4675-b33f-4966539925d6" providerId="ADAL" clId="{E12C101E-2E37-44C5-A33D-FCEEFD6B5181}" dt="2021-04-28T22:40:45.894" v="5367" actId="6549"/>
      <pc:docMkLst>
        <pc:docMk/>
      </pc:docMkLst>
      <pc:sldChg chg="del">
        <pc:chgData name="Ib Helmer Nielsen" userId="1d84c586-4ac4-4675-b33f-4966539925d6" providerId="ADAL" clId="{E12C101E-2E37-44C5-A33D-FCEEFD6B5181}" dt="2021-04-28T17:06:08.056" v="0" actId="47"/>
        <pc:sldMkLst>
          <pc:docMk/>
          <pc:sldMk cId="147391688" sldId="268"/>
        </pc:sldMkLst>
      </pc:sldChg>
      <pc:sldChg chg="del">
        <pc:chgData name="Ib Helmer Nielsen" userId="1d84c586-4ac4-4675-b33f-4966539925d6" providerId="ADAL" clId="{E12C101E-2E37-44C5-A33D-FCEEFD6B5181}" dt="2021-04-28T18:15:13.199" v="740" actId="47"/>
        <pc:sldMkLst>
          <pc:docMk/>
          <pc:sldMk cId="422495772" sldId="270"/>
        </pc:sldMkLst>
      </pc:sldChg>
      <pc:sldChg chg="del">
        <pc:chgData name="Ib Helmer Nielsen" userId="1d84c586-4ac4-4675-b33f-4966539925d6" providerId="ADAL" clId="{E12C101E-2E37-44C5-A33D-FCEEFD6B5181}" dt="2021-04-28T17:17:01.614" v="100" actId="47"/>
        <pc:sldMkLst>
          <pc:docMk/>
          <pc:sldMk cId="76167776" sldId="275"/>
        </pc:sldMkLst>
      </pc:sldChg>
      <pc:sldChg chg="del">
        <pc:chgData name="Ib Helmer Nielsen" userId="1d84c586-4ac4-4675-b33f-4966539925d6" providerId="ADAL" clId="{E12C101E-2E37-44C5-A33D-FCEEFD6B5181}" dt="2021-04-28T17:17:03.065" v="101" actId="47"/>
        <pc:sldMkLst>
          <pc:docMk/>
          <pc:sldMk cId="2306235759" sldId="276"/>
        </pc:sldMkLst>
      </pc:sldChg>
      <pc:sldChg chg="addSp delSp modSp del mod">
        <pc:chgData name="Ib Helmer Nielsen" userId="1d84c586-4ac4-4675-b33f-4966539925d6" providerId="ADAL" clId="{E12C101E-2E37-44C5-A33D-FCEEFD6B5181}" dt="2021-04-28T17:30:34.113" v="281" actId="47"/>
        <pc:sldMkLst>
          <pc:docMk/>
          <pc:sldMk cId="369138303" sldId="277"/>
        </pc:sldMkLst>
        <pc:spChg chg="mod">
          <ac:chgData name="Ib Helmer Nielsen" userId="1d84c586-4ac4-4675-b33f-4966539925d6" providerId="ADAL" clId="{E12C101E-2E37-44C5-A33D-FCEEFD6B5181}" dt="2021-04-28T17:21:40.301" v="172" actId="14100"/>
          <ac:spMkLst>
            <pc:docMk/>
            <pc:sldMk cId="369138303" sldId="277"/>
            <ac:spMk id="2" creationId="{AE9666F8-4F15-4B40-A0E1-49FF894E92C9}"/>
          </ac:spMkLst>
        </pc:spChg>
        <pc:spChg chg="del mod">
          <ac:chgData name="Ib Helmer Nielsen" userId="1d84c586-4ac4-4675-b33f-4966539925d6" providerId="ADAL" clId="{E12C101E-2E37-44C5-A33D-FCEEFD6B5181}" dt="2021-04-28T17:20:38.997" v="161"/>
          <ac:spMkLst>
            <pc:docMk/>
            <pc:sldMk cId="369138303" sldId="277"/>
            <ac:spMk id="3" creationId="{75B7D083-C722-41EE-9566-07C19D500455}"/>
          </ac:spMkLst>
        </pc:spChg>
        <pc:spChg chg="add mod">
          <ac:chgData name="Ib Helmer Nielsen" userId="1d84c586-4ac4-4675-b33f-4966539925d6" providerId="ADAL" clId="{E12C101E-2E37-44C5-A33D-FCEEFD6B5181}" dt="2021-04-28T17:26:29.483" v="234" actId="1076"/>
          <ac:spMkLst>
            <pc:docMk/>
            <pc:sldMk cId="369138303" sldId="277"/>
            <ac:spMk id="9" creationId="{92510815-9A13-416B-9966-A628D205F67B}"/>
          </ac:spMkLst>
        </pc:spChg>
        <pc:spChg chg="add del mod">
          <ac:chgData name="Ib Helmer Nielsen" userId="1d84c586-4ac4-4675-b33f-4966539925d6" providerId="ADAL" clId="{E12C101E-2E37-44C5-A33D-FCEEFD6B5181}" dt="2021-04-28T17:30:25.051" v="280" actId="478"/>
          <ac:spMkLst>
            <pc:docMk/>
            <pc:sldMk cId="369138303" sldId="277"/>
            <ac:spMk id="10" creationId="{E4213B6C-E67E-41B1-B2BB-6E7D3D7B8E96}"/>
          </ac:spMkLst>
        </pc:spChg>
        <pc:picChg chg="add mod">
          <ac:chgData name="Ib Helmer Nielsen" userId="1d84c586-4ac4-4675-b33f-4966539925d6" providerId="ADAL" clId="{E12C101E-2E37-44C5-A33D-FCEEFD6B5181}" dt="2021-04-28T17:20:59.896" v="166" actId="1076"/>
          <ac:picMkLst>
            <pc:docMk/>
            <pc:sldMk cId="369138303" sldId="277"/>
            <ac:picMk id="6" creationId="{320B1CDA-0609-438A-AD62-FA05210B3DD4}"/>
          </ac:picMkLst>
        </pc:picChg>
        <pc:picChg chg="add mod">
          <ac:chgData name="Ib Helmer Nielsen" userId="1d84c586-4ac4-4675-b33f-4966539925d6" providerId="ADAL" clId="{E12C101E-2E37-44C5-A33D-FCEEFD6B5181}" dt="2021-04-28T17:26:35.558" v="235" actId="14861"/>
          <ac:picMkLst>
            <pc:docMk/>
            <pc:sldMk cId="369138303" sldId="277"/>
            <ac:picMk id="7" creationId="{59FF05C9-8162-4522-92D7-B823F6FCD121}"/>
          </ac:picMkLst>
        </pc:picChg>
        <pc:picChg chg="add del mod">
          <ac:chgData name="Ib Helmer Nielsen" userId="1d84c586-4ac4-4675-b33f-4966539925d6" providerId="ADAL" clId="{E12C101E-2E37-44C5-A33D-FCEEFD6B5181}" dt="2021-04-28T17:30:20.920" v="277" actId="478"/>
          <ac:picMkLst>
            <pc:docMk/>
            <pc:sldMk cId="369138303" sldId="277"/>
            <ac:picMk id="8" creationId="{FCCF318A-7D43-44F3-B4EC-10477BF8C51F}"/>
          </ac:picMkLst>
        </pc:picChg>
      </pc:sldChg>
      <pc:sldChg chg="del">
        <pc:chgData name="Ib Helmer Nielsen" userId="1d84c586-4ac4-4675-b33f-4966539925d6" providerId="ADAL" clId="{E12C101E-2E37-44C5-A33D-FCEEFD6B5181}" dt="2021-04-28T17:22:03.619" v="173" actId="47"/>
        <pc:sldMkLst>
          <pc:docMk/>
          <pc:sldMk cId="1005593918" sldId="278"/>
        </pc:sldMkLst>
      </pc:sldChg>
      <pc:sldChg chg="del">
        <pc:chgData name="Ib Helmer Nielsen" userId="1d84c586-4ac4-4675-b33f-4966539925d6" providerId="ADAL" clId="{E12C101E-2E37-44C5-A33D-FCEEFD6B5181}" dt="2021-04-28T18:15:00.077" v="727" actId="47"/>
        <pc:sldMkLst>
          <pc:docMk/>
          <pc:sldMk cId="4047201989" sldId="279"/>
        </pc:sldMkLst>
      </pc:sldChg>
      <pc:sldChg chg="del">
        <pc:chgData name="Ib Helmer Nielsen" userId="1d84c586-4ac4-4675-b33f-4966539925d6" providerId="ADAL" clId="{E12C101E-2E37-44C5-A33D-FCEEFD6B5181}" dt="2021-04-28T18:15:02.573" v="728" actId="47"/>
        <pc:sldMkLst>
          <pc:docMk/>
          <pc:sldMk cId="1432501091" sldId="280"/>
        </pc:sldMkLst>
      </pc:sldChg>
      <pc:sldChg chg="del">
        <pc:chgData name="Ib Helmer Nielsen" userId="1d84c586-4ac4-4675-b33f-4966539925d6" providerId="ADAL" clId="{E12C101E-2E37-44C5-A33D-FCEEFD6B5181}" dt="2021-04-28T18:15:04.538" v="729" actId="47"/>
        <pc:sldMkLst>
          <pc:docMk/>
          <pc:sldMk cId="558336904" sldId="281"/>
        </pc:sldMkLst>
      </pc:sldChg>
      <pc:sldChg chg="del">
        <pc:chgData name="Ib Helmer Nielsen" userId="1d84c586-4ac4-4675-b33f-4966539925d6" providerId="ADAL" clId="{E12C101E-2E37-44C5-A33D-FCEEFD6B5181}" dt="2021-04-28T18:15:06.301" v="730" actId="47"/>
        <pc:sldMkLst>
          <pc:docMk/>
          <pc:sldMk cId="934715270" sldId="282"/>
        </pc:sldMkLst>
      </pc:sldChg>
      <pc:sldChg chg="del">
        <pc:chgData name="Ib Helmer Nielsen" userId="1d84c586-4ac4-4675-b33f-4966539925d6" providerId="ADAL" clId="{E12C101E-2E37-44C5-A33D-FCEEFD6B5181}" dt="2021-04-28T18:15:07.999" v="731" actId="47"/>
        <pc:sldMkLst>
          <pc:docMk/>
          <pc:sldMk cId="4147731100" sldId="283"/>
        </pc:sldMkLst>
      </pc:sldChg>
      <pc:sldChg chg="del">
        <pc:chgData name="Ib Helmer Nielsen" userId="1d84c586-4ac4-4675-b33f-4966539925d6" providerId="ADAL" clId="{E12C101E-2E37-44C5-A33D-FCEEFD6B5181}" dt="2021-04-28T18:15:08.577" v="732" actId="47"/>
        <pc:sldMkLst>
          <pc:docMk/>
          <pc:sldMk cId="136853828" sldId="284"/>
        </pc:sldMkLst>
      </pc:sldChg>
      <pc:sldChg chg="del">
        <pc:chgData name="Ib Helmer Nielsen" userId="1d84c586-4ac4-4675-b33f-4966539925d6" providerId="ADAL" clId="{E12C101E-2E37-44C5-A33D-FCEEFD6B5181}" dt="2021-04-28T18:15:09.319" v="733" actId="47"/>
        <pc:sldMkLst>
          <pc:docMk/>
          <pc:sldMk cId="794691590" sldId="285"/>
        </pc:sldMkLst>
      </pc:sldChg>
      <pc:sldChg chg="del">
        <pc:chgData name="Ib Helmer Nielsen" userId="1d84c586-4ac4-4675-b33f-4966539925d6" providerId="ADAL" clId="{E12C101E-2E37-44C5-A33D-FCEEFD6B5181}" dt="2021-04-28T18:15:09.944" v="734" actId="47"/>
        <pc:sldMkLst>
          <pc:docMk/>
          <pc:sldMk cId="3267770675" sldId="286"/>
        </pc:sldMkLst>
      </pc:sldChg>
      <pc:sldChg chg="del">
        <pc:chgData name="Ib Helmer Nielsen" userId="1d84c586-4ac4-4675-b33f-4966539925d6" providerId="ADAL" clId="{E12C101E-2E37-44C5-A33D-FCEEFD6B5181}" dt="2021-04-28T18:15:10.558" v="735" actId="47"/>
        <pc:sldMkLst>
          <pc:docMk/>
          <pc:sldMk cId="738576246" sldId="287"/>
        </pc:sldMkLst>
      </pc:sldChg>
      <pc:sldChg chg="del">
        <pc:chgData name="Ib Helmer Nielsen" userId="1d84c586-4ac4-4675-b33f-4966539925d6" providerId="ADAL" clId="{E12C101E-2E37-44C5-A33D-FCEEFD6B5181}" dt="2021-04-28T18:15:11.031" v="736" actId="47"/>
        <pc:sldMkLst>
          <pc:docMk/>
          <pc:sldMk cId="3725823549" sldId="288"/>
        </pc:sldMkLst>
      </pc:sldChg>
      <pc:sldChg chg="del">
        <pc:chgData name="Ib Helmer Nielsen" userId="1d84c586-4ac4-4675-b33f-4966539925d6" providerId="ADAL" clId="{E12C101E-2E37-44C5-A33D-FCEEFD6B5181}" dt="2021-04-28T18:15:11.485" v="737" actId="47"/>
        <pc:sldMkLst>
          <pc:docMk/>
          <pc:sldMk cId="4290755378" sldId="289"/>
        </pc:sldMkLst>
      </pc:sldChg>
      <pc:sldChg chg="del">
        <pc:chgData name="Ib Helmer Nielsen" userId="1d84c586-4ac4-4675-b33f-4966539925d6" providerId="ADAL" clId="{E12C101E-2E37-44C5-A33D-FCEEFD6B5181}" dt="2021-04-28T18:15:12.014" v="738" actId="47"/>
        <pc:sldMkLst>
          <pc:docMk/>
          <pc:sldMk cId="1726812936" sldId="290"/>
        </pc:sldMkLst>
      </pc:sldChg>
      <pc:sldChg chg="del">
        <pc:chgData name="Ib Helmer Nielsen" userId="1d84c586-4ac4-4675-b33f-4966539925d6" providerId="ADAL" clId="{E12C101E-2E37-44C5-A33D-FCEEFD6B5181}" dt="2021-04-28T18:15:12.411" v="739" actId="47"/>
        <pc:sldMkLst>
          <pc:docMk/>
          <pc:sldMk cId="568198905" sldId="291"/>
        </pc:sldMkLst>
      </pc:sldChg>
      <pc:sldChg chg="modSp mod">
        <pc:chgData name="Ib Helmer Nielsen" userId="1d84c586-4ac4-4675-b33f-4966539925d6" providerId="ADAL" clId="{E12C101E-2E37-44C5-A33D-FCEEFD6B5181}" dt="2021-04-28T17:06:59.118" v="38" actId="12"/>
        <pc:sldMkLst>
          <pc:docMk/>
          <pc:sldMk cId="63744183" sldId="292"/>
        </pc:sldMkLst>
        <pc:spChg chg="mod">
          <ac:chgData name="Ib Helmer Nielsen" userId="1d84c586-4ac4-4675-b33f-4966539925d6" providerId="ADAL" clId="{E12C101E-2E37-44C5-A33D-FCEEFD6B5181}" dt="2021-04-28T17:06:59.118" v="38" actId="12"/>
          <ac:spMkLst>
            <pc:docMk/>
            <pc:sldMk cId="63744183" sldId="292"/>
            <ac:spMk id="9" creationId="{CF241905-F61E-4B9D-9D45-87503761EF3F}"/>
          </ac:spMkLst>
        </pc:spChg>
      </pc:sldChg>
      <pc:sldChg chg="modSp mod">
        <pc:chgData name="Ib Helmer Nielsen" userId="1d84c586-4ac4-4675-b33f-4966539925d6" providerId="ADAL" clId="{E12C101E-2E37-44C5-A33D-FCEEFD6B5181}" dt="2021-04-28T22:14:33.933" v="4855"/>
        <pc:sldMkLst>
          <pc:docMk/>
          <pc:sldMk cId="3783950018" sldId="303"/>
        </pc:sldMkLst>
        <pc:spChg chg="mod">
          <ac:chgData name="Ib Helmer Nielsen" userId="1d84c586-4ac4-4675-b33f-4966539925d6" providerId="ADAL" clId="{E12C101E-2E37-44C5-A33D-FCEEFD6B5181}" dt="2021-04-28T22:13:24.673" v="4849"/>
          <ac:spMkLst>
            <pc:docMk/>
            <pc:sldMk cId="3783950018" sldId="303"/>
            <ac:spMk id="2" creationId="{0A892901-DC85-4A1A-AD80-8FA808240088}"/>
          </ac:spMkLst>
        </pc:spChg>
        <pc:spChg chg="mod">
          <ac:chgData name="Ib Helmer Nielsen" userId="1d84c586-4ac4-4675-b33f-4966539925d6" providerId="ADAL" clId="{E12C101E-2E37-44C5-A33D-FCEEFD6B5181}" dt="2021-04-28T22:14:33.933" v="4855"/>
          <ac:spMkLst>
            <pc:docMk/>
            <pc:sldMk cId="3783950018" sldId="303"/>
            <ac:spMk id="3" creationId="{3A03EDE8-E326-43C0-80A0-819D6E1E9F06}"/>
          </ac:spMkLst>
        </pc:spChg>
        <pc:spChg chg="mod">
          <ac:chgData name="Ib Helmer Nielsen" userId="1d84c586-4ac4-4675-b33f-4966539925d6" providerId="ADAL" clId="{E12C101E-2E37-44C5-A33D-FCEEFD6B5181}" dt="2021-04-28T22:13:24.673" v="4849"/>
          <ac:spMkLst>
            <pc:docMk/>
            <pc:sldMk cId="3783950018" sldId="303"/>
            <ac:spMk id="4" creationId="{65322870-90FA-4000-A769-A5605FC03A6B}"/>
          </ac:spMkLst>
        </pc:spChg>
        <pc:spChg chg="mod">
          <ac:chgData name="Ib Helmer Nielsen" userId="1d84c586-4ac4-4675-b33f-4966539925d6" providerId="ADAL" clId="{E12C101E-2E37-44C5-A33D-FCEEFD6B5181}" dt="2021-04-28T22:13:24.673" v="4849"/>
          <ac:spMkLst>
            <pc:docMk/>
            <pc:sldMk cId="3783950018" sldId="303"/>
            <ac:spMk id="5" creationId="{B0DF220A-FAB4-48D3-99D9-BA4761E58A53}"/>
          </ac:spMkLst>
        </pc:spChg>
      </pc:sldChg>
      <pc:sldChg chg="modSp mod">
        <pc:chgData name="Ib Helmer Nielsen" userId="1d84c586-4ac4-4675-b33f-4966539925d6" providerId="ADAL" clId="{E12C101E-2E37-44C5-A33D-FCEEFD6B5181}" dt="2021-04-28T22:12:04.309" v="4847" actId="20577"/>
        <pc:sldMkLst>
          <pc:docMk/>
          <pc:sldMk cId="2469997898" sldId="305"/>
        </pc:sldMkLst>
        <pc:spChg chg="mod">
          <ac:chgData name="Ib Helmer Nielsen" userId="1d84c586-4ac4-4675-b33f-4966539925d6" providerId="ADAL" clId="{E12C101E-2E37-44C5-A33D-FCEEFD6B5181}" dt="2021-04-28T22:12:04.309" v="4847" actId="20577"/>
          <ac:spMkLst>
            <pc:docMk/>
            <pc:sldMk cId="2469997898" sldId="305"/>
            <ac:spMk id="7" creationId="{2576C6D3-67A1-4AB4-ABE9-33363669703F}"/>
          </ac:spMkLst>
        </pc:spChg>
      </pc:sldChg>
      <pc:sldChg chg="addSp delSp modSp mod">
        <pc:chgData name="Ib Helmer Nielsen" userId="1d84c586-4ac4-4675-b33f-4966539925d6" providerId="ADAL" clId="{E12C101E-2E37-44C5-A33D-FCEEFD6B5181}" dt="2021-04-28T18:15:24.896" v="742"/>
        <pc:sldMkLst>
          <pc:docMk/>
          <pc:sldMk cId="944464044" sldId="325"/>
        </pc:sldMkLst>
        <pc:spChg chg="add mod">
          <ac:chgData name="Ib Helmer Nielsen" userId="1d84c586-4ac4-4675-b33f-4966539925d6" providerId="ADAL" clId="{E12C101E-2E37-44C5-A33D-FCEEFD6B5181}" dt="2021-04-28T18:15:24.896" v="742"/>
          <ac:spMkLst>
            <pc:docMk/>
            <pc:sldMk cId="944464044" sldId="325"/>
            <ac:spMk id="2" creationId="{339C3BDE-46C3-4441-A788-23B5C5D77EEC}"/>
          </ac:spMkLst>
        </pc:spChg>
        <pc:spChg chg="mod">
          <ac:chgData name="Ib Helmer Nielsen" userId="1d84c586-4ac4-4675-b33f-4966539925d6" providerId="ADAL" clId="{E12C101E-2E37-44C5-A33D-FCEEFD6B5181}" dt="2021-04-28T18:15:24.896" v="742"/>
          <ac:spMkLst>
            <pc:docMk/>
            <pc:sldMk cId="944464044" sldId="325"/>
            <ac:spMk id="4" creationId="{4D0DD040-5520-47E2-B18C-CA84A5DC37B5}"/>
          </ac:spMkLst>
        </pc:spChg>
        <pc:spChg chg="mod">
          <ac:chgData name="Ib Helmer Nielsen" userId="1d84c586-4ac4-4675-b33f-4966539925d6" providerId="ADAL" clId="{E12C101E-2E37-44C5-A33D-FCEEFD6B5181}" dt="2021-04-28T18:15:24.896" v="742"/>
          <ac:spMkLst>
            <pc:docMk/>
            <pc:sldMk cId="944464044" sldId="325"/>
            <ac:spMk id="5" creationId="{394FB287-E53B-456E-85F8-EF9B7DE6027C}"/>
          </ac:spMkLst>
        </pc:spChg>
        <pc:spChg chg="mod">
          <ac:chgData name="Ib Helmer Nielsen" userId="1d84c586-4ac4-4675-b33f-4966539925d6" providerId="ADAL" clId="{E12C101E-2E37-44C5-A33D-FCEEFD6B5181}" dt="2021-04-28T18:15:24.896" v="742"/>
          <ac:spMkLst>
            <pc:docMk/>
            <pc:sldMk cId="944464044" sldId="325"/>
            <ac:spMk id="6" creationId="{D25E4B44-7DF6-4E72-8C45-73AF612F5FB0}"/>
          </ac:spMkLst>
        </pc:spChg>
        <pc:spChg chg="del">
          <ac:chgData name="Ib Helmer Nielsen" userId="1d84c586-4ac4-4675-b33f-4966539925d6" providerId="ADAL" clId="{E12C101E-2E37-44C5-A33D-FCEEFD6B5181}" dt="2021-04-28T18:15:24.896" v="742"/>
          <ac:spMkLst>
            <pc:docMk/>
            <pc:sldMk cId="944464044" sldId="325"/>
            <ac:spMk id="7" creationId="{C6C3F354-592F-4B90-AFF9-F4BFAF3CFCA2}"/>
          </ac:spMkLst>
        </pc:spChg>
      </pc:sldChg>
      <pc:sldChg chg="addSp modSp new mod">
        <pc:chgData name="Ib Helmer Nielsen" userId="1d84c586-4ac4-4675-b33f-4966539925d6" providerId="ADAL" clId="{E12C101E-2E37-44C5-A33D-FCEEFD6B5181}" dt="2021-04-28T18:17:56.178" v="754" actId="20577"/>
        <pc:sldMkLst>
          <pc:docMk/>
          <pc:sldMk cId="1673875508" sldId="326"/>
        </pc:sldMkLst>
        <pc:spChg chg="mod">
          <ac:chgData name="Ib Helmer Nielsen" userId="1d84c586-4ac4-4675-b33f-4966539925d6" providerId="ADAL" clId="{E12C101E-2E37-44C5-A33D-FCEEFD6B5181}" dt="2021-04-28T18:14:46.116" v="726" actId="6549"/>
          <ac:spMkLst>
            <pc:docMk/>
            <pc:sldMk cId="1673875508" sldId="326"/>
            <ac:spMk id="2" creationId="{B34820A1-1699-4E2D-A5CD-AD083D5B5998}"/>
          </ac:spMkLst>
        </pc:spChg>
        <pc:spChg chg="mod">
          <ac:chgData name="Ib Helmer Nielsen" userId="1d84c586-4ac4-4675-b33f-4966539925d6" providerId="ADAL" clId="{E12C101E-2E37-44C5-A33D-FCEEFD6B5181}" dt="2021-04-28T18:17:56.178" v="754" actId="20577"/>
          <ac:spMkLst>
            <pc:docMk/>
            <pc:sldMk cId="1673875508" sldId="326"/>
            <ac:spMk id="3" creationId="{DD49BCE3-DF07-46BB-9E88-065866D745A9}"/>
          </ac:spMkLst>
        </pc:spChg>
        <pc:picChg chg="add mod">
          <ac:chgData name="Ib Helmer Nielsen" userId="1d84c586-4ac4-4675-b33f-4966539925d6" providerId="ADAL" clId="{E12C101E-2E37-44C5-A33D-FCEEFD6B5181}" dt="2021-04-28T17:55:52.461" v="623" actId="1076"/>
          <ac:picMkLst>
            <pc:docMk/>
            <pc:sldMk cId="1673875508" sldId="326"/>
            <ac:picMk id="7" creationId="{D906EF51-026B-414A-8A75-F53B74A6162F}"/>
          </ac:picMkLst>
        </pc:picChg>
        <pc:picChg chg="add mod">
          <ac:chgData name="Ib Helmer Nielsen" userId="1d84c586-4ac4-4675-b33f-4966539925d6" providerId="ADAL" clId="{E12C101E-2E37-44C5-A33D-FCEEFD6B5181}" dt="2021-04-28T17:55:54.510" v="624" actId="1076"/>
          <ac:picMkLst>
            <pc:docMk/>
            <pc:sldMk cId="1673875508" sldId="326"/>
            <ac:picMk id="9" creationId="{723B1261-1824-4EFB-941E-2DCE7E96E9B2}"/>
          </ac:picMkLst>
        </pc:picChg>
      </pc:sldChg>
      <pc:sldChg chg="addSp modSp add mod ord">
        <pc:chgData name="Ib Helmer Nielsen" userId="1d84c586-4ac4-4675-b33f-4966539925d6" providerId="ADAL" clId="{E12C101E-2E37-44C5-A33D-FCEEFD6B5181}" dt="2021-04-28T17:57:30.306" v="709" actId="20577"/>
        <pc:sldMkLst>
          <pc:docMk/>
          <pc:sldMk cId="2056426090" sldId="327"/>
        </pc:sldMkLst>
        <pc:spChg chg="mod">
          <ac:chgData name="Ib Helmer Nielsen" userId="1d84c586-4ac4-4675-b33f-4966539925d6" providerId="ADAL" clId="{E12C101E-2E37-44C5-A33D-FCEEFD6B5181}" dt="2021-04-28T17:57:30.306" v="709" actId="20577"/>
          <ac:spMkLst>
            <pc:docMk/>
            <pc:sldMk cId="2056426090" sldId="327"/>
            <ac:spMk id="2" creationId="{AE9666F8-4F15-4B40-A0E1-49FF894E92C9}"/>
          </ac:spMkLst>
        </pc:spChg>
        <pc:spChg chg="mod">
          <ac:chgData name="Ib Helmer Nielsen" userId="1d84c586-4ac4-4675-b33f-4966539925d6" providerId="ADAL" clId="{E12C101E-2E37-44C5-A33D-FCEEFD6B5181}" dt="2021-04-28T17:29:18.819" v="266" actId="1076"/>
          <ac:spMkLst>
            <pc:docMk/>
            <pc:sldMk cId="2056426090" sldId="327"/>
            <ac:spMk id="9" creationId="{92510815-9A13-416B-9966-A628D205F67B}"/>
          </ac:spMkLst>
        </pc:spChg>
        <pc:spChg chg="mod">
          <ac:chgData name="Ib Helmer Nielsen" userId="1d84c586-4ac4-4675-b33f-4966539925d6" providerId="ADAL" clId="{E12C101E-2E37-44C5-A33D-FCEEFD6B5181}" dt="2021-04-28T17:29:51.757" v="273" actId="1076"/>
          <ac:spMkLst>
            <pc:docMk/>
            <pc:sldMk cId="2056426090" sldId="327"/>
            <ac:spMk id="10" creationId="{E4213B6C-E67E-41B1-B2BB-6E7D3D7B8E96}"/>
          </ac:spMkLst>
        </pc:spChg>
        <pc:picChg chg="add mod">
          <ac:chgData name="Ib Helmer Nielsen" userId="1d84c586-4ac4-4675-b33f-4966539925d6" providerId="ADAL" clId="{E12C101E-2E37-44C5-A33D-FCEEFD6B5181}" dt="2021-04-28T17:30:11.423" v="274" actId="14861"/>
          <ac:picMkLst>
            <pc:docMk/>
            <pc:sldMk cId="2056426090" sldId="327"/>
            <ac:picMk id="3" creationId="{2F0A6F0A-3E1A-4A4A-9918-BF7A85E7FEDC}"/>
          </ac:picMkLst>
        </pc:picChg>
        <pc:picChg chg="mod">
          <ac:chgData name="Ib Helmer Nielsen" userId="1d84c586-4ac4-4675-b33f-4966539925d6" providerId="ADAL" clId="{E12C101E-2E37-44C5-A33D-FCEEFD6B5181}" dt="2021-04-28T17:29:13.578" v="264" actId="1076"/>
          <ac:picMkLst>
            <pc:docMk/>
            <pc:sldMk cId="2056426090" sldId="327"/>
            <ac:picMk id="6" creationId="{320B1CDA-0609-438A-AD62-FA05210B3DD4}"/>
          </ac:picMkLst>
        </pc:picChg>
        <pc:picChg chg="mod">
          <ac:chgData name="Ib Helmer Nielsen" userId="1d84c586-4ac4-4675-b33f-4966539925d6" providerId="ADAL" clId="{E12C101E-2E37-44C5-A33D-FCEEFD6B5181}" dt="2021-04-28T17:29:15.826" v="265" actId="1076"/>
          <ac:picMkLst>
            <pc:docMk/>
            <pc:sldMk cId="2056426090" sldId="327"/>
            <ac:picMk id="7" creationId="{59FF05C9-8162-4522-92D7-B823F6FCD121}"/>
          </ac:picMkLst>
        </pc:picChg>
        <pc:picChg chg="mod">
          <ac:chgData name="Ib Helmer Nielsen" userId="1d84c586-4ac4-4675-b33f-4966539925d6" providerId="ADAL" clId="{E12C101E-2E37-44C5-A33D-FCEEFD6B5181}" dt="2021-04-28T17:29:21.539" v="268" actId="1076"/>
          <ac:picMkLst>
            <pc:docMk/>
            <pc:sldMk cId="2056426090" sldId="327"/>
            <ac:picMk id="8" creationId="{FCCF318A-7D43-44F3-B4EC-10477BF8C51F}"/>
          </ac:picMkLst>
        </pc:picChg>
      </pc:sldChg>
      <pc:sldChg chg="addSp modSp new mod">
        <pc:chgData name="Ib Helmer Nielsen" userId="1d84c586-4ac4-4675-b33f-4966539925d6" providerId="ADAL" clId="{E12C101E-2E37-44C5-A33D-FCEEFD6B5181}" dt="2021-04-28T19:57:38.405" v="1337" actId="948"/>
        <pc:sldMkLst>
          <pc:docMk/>
          <pc:sldMk cId="1801175739" sldId="328"/>
        </pc:sldMkLst>
        <pc:spChg chg="mod">
          <ac:chgData name="Ib Helmer Nielsen" userId="1d84c586-4ac4-4675-b33f-4966539925d6" providerId="ADAL" clId="{E12C101E-2E37-44C5-A33D-FCEEFD6B5181}" dt="2021-04-28T19:31:29.359" v="1079" actId="313"/>
          <ac:spMkLst>
            <pc:docMk/>
            <pc:sldMk cId="1801175739" sldId="328"/>
            <ac:spMk id="2" creationId="{CE593EE5-0724-42A9-9BB4-BBE1C0A27F8E}"/>
          </ac:spMkLst>
        </pc:spChg>
        <pc:spChg chg="mod">
          <ac:chgData name="Ib Helmer Nielsen" userId="1d84c586-4ac4-4675-b33f-4966539925d6" providerId="ADAL" clId="{E12C101E-2E37-44C5-A33D-FCEEFD6B5181}" dt="2021-04-28T19:57:38.405" v="1337" actId="948"/>
          <ac:spMkLst>
            <pc:docMk/>
            <pc:sldMk cId="1801175739" sldId="328"/>
            <ac:spMk id="3" creationId="{B5DCF0D8-6B93-4539-BAB0-B28898DF1B8B}"/>
          </ac:spMkLst>
        </pc:spChg>
        <pc:spChg chg="add mod">
          <ac:chgData name="Ib Helmer Nielsen" userId="1d84c586-4ac4-4675-b33f-4966539925d6" providerId="ADAL" clId="{E12C101E-2E37-44C5-A33D-FCEEFD6B5181}" dt="2021-04-28T19:32:19.438" v="1086" actId="313"/>
          <ac:spMkLst>
            <pc:docMk/>
            <pc:sldMk cId="1801175739" sldId="328"/>
            <ac:spMk id="6" creationId="{CEC37DD4-228C-4A63-8535-092391702A54}"/>
          </ac:spMkLst>
        </pc:spChg>
      </pc:sldChg>
      <pc:sldChg chg="addSp delSp modSp add mod">
        <pc:chgData name="Ib Helmer Nielsen" userId="1d84c586-4ac4-4675-b33f-4966539925d6" providerId="ADAL" clId="{E12C101E-2E37-44C5-A33D-FCEEFD6B5181}" dt="2021-04-28T18:32:26.650" v="993" actId="1076"/>
        <pc:sldMkLst>
          <pc:docMk/>
          <pc:sldMk cId="2393586629" sldId="329"/>
        </pc:sldMkLst>
        <pc:spChg chg="mod">
          <ac:chgData name="Ib Helmer Nielsen" userId="1d84c586-4ac4-4675-b33f-4966539925d6" providerId="ADAL" clId="{E12C101E-2E37-44C5-A33D-FCEEFD6B5181}" dt="2021-04-28T18:28:55.457" v="850" actId="20577"/>
          <ac:spMkLst>
            <pc:docMk/>
            <pc:sldMk cId="2393586629" sldId="329"/>
            <ac:spMk id="2" creationId="{B34820A1-1699-4E2D-A5CD-AD083D5B5998}"/>
          </ac:spMkLst>
        </pc:spChg>
        <pc:spChg chg="mod">
          <ac:chgData name="Ib Helmer Nielsen" userId="1d84c586-4ac4-4675-b33f-4966539925d6" providerId="ADAL" clId="{E12C101E-2E37-44C5-A33D-FCEEFD6B5181}" dt="2021-04-28T18:32:26.650" v="993" actId="1076"/>
          <ac:spMkLst>
            <pc:docMk/>
            <pc:sldMk cId="2393586629" sldId="329"/>
            <ac:spMk id="3" creationId="{DD49BCE3-DF07-46BB-9E88-065866D745A9}"/>
          </ac:spMkLst>
        </pc:spChg>
        <pc:spChg chg="add mod">
          <ac:chgData name="Ib Helmer Nielsen" userId="1d84c586-4ac4-4675-b33f-4966539925d6" providerId="ADAL" clId="{E12C101E-2E37-44C5-A33D-FCEEFD6B5181}" dt="2021-04-28T18:30:12.613" v="905" actId="1076"/>
          <ac:spMkLst>
            <pc:docMk/>
            <pc:sldMk cId="2393586629" sldId="329"/>
            <ac:spMk id="8" creationId="{A7D1C2ED-0AEA-4E22-B0F5-EDB58EF0C4FF}"/>
          </ac:spMkLst>
        </pc:spChg>
        <pc:picChg chg="add mod">
          <ac:chgData name="Ib Helmer Nielsen" userId="1d84c586-4ac4-4675-b33f-4966539925d6" providerId="ADAL" clId="{E12C101E-2E37-44C5-A33D-FCEEFD6B5181}" dt="2021-04-28T18:26:47.245" v="761" actId="14861"/>
          <ac:picMkLst>
            <pc:docMk/>
            <pc:sldMk cId="2393586629" sldId="329"/>
            <ac:picMk id="6" creationId="{31BAD58C-1D7E-491B-B086-A9BEDA156BC1}"/>
          </ac:picMkLst>
        </pc:picChg>
        <pc:picChg chg="del">
          <ac:chgData name="Ib Helmer Nielsen" userId="1d84c586-4ac4-4675-b33f-4966539925d6" providerId="ADAL" clId="{E12C101E-2E37-44C5-A33D-FCEEFD6B5181}" dt="2021-04-28T18:26:26.623" v="757" actId="478"/>
          <ac:picMkLst>
            <pc:docMk/>
            <pc:sldMk cId="2393586629" sldId="329"/>
            <ac:picMk id="7" creationId="{D906EF51-026B-414A-8A75-F53B74A6162F}"/>
          </ac:picMkLst>
        </pc:picChg>
        <pc:picChg chg="del">
          <ac:chgData name="Ib Helmer Nielsen" userId="1d84c586-4ac4-4675-b33f-4966539925d6" providerId="ADAL" clId="{E12C101E-2E37-44C5-A33D-FCEEFD6B5181}" dt="2021-04-28T18:26:25.007" v="756" actId="478"/>
          <ac:picMkLst>
            <pc:docMk/>
            <pc:sldMk cId="2393586629" sldId="329"/>
            <ac:picMk id="9" creationId="{723B1261-1824-4EFB-941E-2DCE7E96E9B2}"/>
          </ac:picMkLst>
        </pc:picChg>
      </pc:sldChg>
      <pc:sldChg chg="modSp new mod">
        <pc:chgData name="Ib Helmer Nielsen" userId="1d84c586-4ac4-4675-b33f-4966539925d6" providerId="ADAL" clId="{E12C101E-2E37-44C5-A33D-FCEEFD6B5181}" dt="2021-04-28T20:00:24.333" v="1413" actId="20577"/>
        <pc:sldMkLst>
          <pc:docMk/>
          <pc:sldMk cId="1639995346" sldId="330"/>
        </pc:sldMkLst>
        <pc:spChg chg="mod">
          <ac:chgData name="Ib Helmer Nielsen" userId="1d84c586-4ac4-4675-b33f-4966539925d6" providerId="ADAL" clId="{E12C101E-2E37-44C5-A33D-FCEEFD6B5181}" dt="2021-04-28T19:43:31.555" v="1270" actId="20577"/>
          <ac:spMkLst>
            <pc:docMk/>
            <pc:sldMk cId="1639995346" sldId="330"/>
            <ac:spMk id="2" creationId="{EE57426B-43B3-44FB-B755-C92AE57240B7}"/>
          </ac:spMkLst>
        </pc:spChg>
        <pc:spChg chg="mod">
          <ac:chgData name="Ib Helmer Nielsen" userId="1d84c586-4ac4-4675-b33f-4966539925d6" providerId="ADAL" clId="{E12C101E-2E37-44C5-A33D-FCEEFD6B5181}" dt="2021-04-28T20:00:24.333" v="1413" actId="20577"/>
          <ac:spMkLst>
            <pc:docMk/>
            <pc:sldMk cId="1639995346" sldId="330"/>
            <ac:spMk id="3" creationId="{AED9667E-9C42-4E60-8DAF-DC288F7A8543}"/>
          </ac:spMkLst>
        </pc:spChg>
      </pc:sldChg>
      <pc:sldChg chg="addSp modSp new mod">
        <pc:chgData name="Ib Helmer Nielsen" userId="1d84c586-4ac4-4675-b33f-4966539925d6" providerId="ADAL" clId="{E12C101E-2E37-44C5-A33D-FCEEFD6B5181}" dt="2021-04-28T19:41:12.393" v="1189" actId="14861"/>
        <pc:sldMkLst>
          <pc:docMk/>
          <pc:sldMk cId="1916825277" sldId="331"/>
        </pc:sldMkLst>
        <pc:spChg chg="mod">
          <ac:chgData name="Ib Helmer Nielsen" userId="1d84c586-4ac4-4675-b33f-4966539925d6" providerId="ADAL" clId="{E12C101E-2E37-44C5-A33D-FCEEFD6B5181}" dt="2021-04-28T19:39:06.537" v="1171" actId="6549"/>
          <ac:spMkLst>
            <pc:docMk/>
            <pc:sldMk cId="1916825277" sldId="331"/>
            <ac:spMk id="2" creationId="{DC191983-6DA2-438B-AEA3-64FE37BFCBF3}"/>
          </ac:spMkLst>
        </pc:spChg>
        <pc:spChg chg="mod">
          <ac:chgData name="Ib Helmer Nielsen" userId="1d84c586-4ac4-4675-b33f-4966539925d6" providerId="ADAL" clId="{E12C101E-2E37-44C5-A33D-FCEEFD6B5181}" dt="2021-04-28T19:40:53.934" v="1188" actId="6549"/>
          <ac:spMkLst>
            <pc:docMk/>
            <pc:sldMk cId="1916825277" sldId="331"/>
            <ac:spMk id="3" creationId="{4139C42D-04C0-42C7-ADF3-98FB6EC54DF5}"/>
          </ac:spMkLst>
        </pc:spChg>
        <pc:picChg chg="add mod">
          <ac:chgData name="Ib Helmer Nielsen" userId="1d84c586-4ac4-4675-b33f-4966539925d6" providerId="ADAL" clId="{E12C101E-2E37-44C5-A33D-FCEEFD6B5181}" dt="2021-04-28T19:41:12.393" v="1189" actId="14861"/>
          <ac:picMkLst>
            <pc:docMk/>
            <pc:sldMk cId="1916825277" sldId="331"/>
            <ac:picMk id="6" creationId="{826D12F9-3325-47AC-AEC9-31BACF6AC68D}"/>
          </ac:picMkLst>
        </pc:picChg>
      </pc:sldChg>
      <pc:sldChg chg="modSp new mod">
        <pc:chgData name="Ib Helmer Nielsen" userId="1d84c586-4ac4-4675-b33f-4966539925d6" providerId="ADAL" clId="{E12C101E-2E37-44C5-A33D-FCEEFD6B5181}" dt="2021-04-28T19:43:51.614" v="1294" actId="20577"/>
        <pc:sldMkLst>
          <pc:docMk/>
          <pc:sldMk cId="27204637" sldId="332"/>
        </pc:sldMkLst>
        <pc:spChg chg="mod">
          <ac:chgData name="Ib Helmer Nielsen" userId="1d84c586-4ac4-4675-b33f-4966539925d6" providerId="ADAL" clId="{E12C101E-2E37-44C5-A33D-FCEEFD6B5181}" dt="2021-04-28T19:43:51.614" v="1294" actId="20577"/>
          <ac:spMkLst>
            <pc:docMk/>
            <pc:sldMk cId="27204637" sldId="332"/>
            <ac:spMk id="2" creationId="{09ED834C-1300-4956-BE50-B12D79F7383A}"/>
          </ac:spMkLst>
        </pc:spChg>
        <pc:spChg chg="mod">
          <ac:chgData name="Ib Helmer Nielsen" userId="1d84c586-4ac4-4675-b33f-4966539925d6" providerId="ADAL" clId="{E12C101E-2E37-44C5-A33D-FCEEFD6B5181}" dt="2021-04-28T19:42:09.385" v="1238" actId="20577"/>
          <ac:spMkLst>
            <pc:docMk/>
            <pc:sldMk cId="27204637" sldId="332"/>
            <ac:spMk id="3" creationId="{01DD0E57-0311-43AA-A135-07B5FD7AAB9E}"/>
          </ac:spMkLst>
        </pc:spChg>
      </pc:sldChg>
      <pc:sldChg chg="new del">
        <pc:chgData name="Ib Helmer Nielsen" userId="1d84c586-4ac4-4675-b33f-4966539925d6" providerId="ADAL" clId="{E12C101E-2E37-44C5-A33D-FCEEFD6B5181}" dt="2021-04-28T19:58:22.441" v="1338" actId="47"/>
        <pc:sldMkLst>
          <pc:docMk/>
          <pc:sldMk cId="152234098" sldId="333"/>
        </pc:sldMkLst>
      </pc:sldChg>
      <pc:sldChg chg="addSp delSp modSp mod">
        <pc:chgData name="Ib Helmer Nielsen" userId="1d84c586-4ac4-4675-b33f-4966539925d6" providerId="ADAL" clId="{E12C101E-2E37-44C5-A33D-FCEEFD6B5181}" dt="2021-04-28T19:55:44.171" v="1334" actId="20577"/>
        <pc:sldMkLst>
          <pc:docMk/>
          <pc:sldMk cId="1563761330" sldId="344"/>
        </pc:sldMkLst>
        <pc:graphicFrameChg chg="mod modGraphic">
          <ac:chgData name="Ib Helmer Nielsen" userId="1d84c586-4ac4-4675-b33f-4966539925d6" providerId="ADAL" clId="{E12C101E-2E37-44C5-A33D-FCEEFD6B5181}" dt="2021-04-28T19:55:44.171" v="1334" actId="20577"/>
          <ac:graphicFrameMkLst>
            <pc:docMk/>
            <pc:sldMk cId="1563761330" sldId="344"/>
            <ac:graphicFrameMk id="6" creationId="{288F3E39-5CB0-41A4-BE01-C61F0FC700CB}"/>
          </ac:graphicFrameMkLst>
        </pc:graphicFrameChg>
        <pc:picChg chg="add del">
          <ac:chgData name="Ib Helmer Nielsen" userId="1d84c586-4ac4-4675-b33f-4966539925d6" providerId="ADAL" clId="{E12C101E-2E37-44C5-A33D-FCEEFD6B5181}" dt="2021-04-28T19:54:56.725" v="1306" actId="478"/>
          <ac:picMkLst>
            <pc:docMk/>
            <pc:sldMk cId="1563761330" sldId="344"/>
            <ac:picMk id="3" creationId="{2AC3016E-58BC-4AF1-B9EE-B9C259048E6F}"/>
          </ac:picMkLst>
        </pc:picChg>
      </pc:sldChg>
      <pc:sldChg chg="addSp delSp modSp new mod">
        <pc:chgData name="Ib Helmer Nielsen" userId="1d84c586-4ac4-4675-b33f-4966539925d6" providerId="ADAL" clId="{E12C101E-2E37-44C5-A33D-FCEEFD6B5181}" dt="2021-04-28T20:01:06.094" v="1455" actId="20577"/>
        <pc:sldMkLst>
          <pc:docMk/>
          <pc:sldMk cId="1650709507" sldId="345"/>
        </pc:sldMkLst>
        <pc:spChg chg="del">
          <ac:chgData name="Ib Helmer Nielsen" userId="1d84c586-4ac4-4675-b33f-4966539925d6" providerId="ADAL" clId="{E12C101E-2E37-44C5-A33D-FCEEFD6B5181}" dt="2021-04-28T20:00:35.917" v="1414"/>
          <ac:spMkLst>
            <pc:docMk/>
            <pc:sldMk cId="1650709507" sldId="345"/>
            <ac:spMk id="2" creationId="{131A64A1-A87A-4FC5-8158-569B7AC17F8D}"/>
          </ac:spMkLst>
        </pc:spChg>
        <pc:spChg chg="del">
          <ac:chgData name="Ib Helmer Nielsen" userId="1d84c586-4ac4-4675-b33f-4966539925d6" providerId="ADAL" clId="{E12C101E-2E37-44C5-A33D-FCEEFD6B5181}" dt="2021-04-28T20:00:35.917" v="1414"/>
          <ac:spMkLst>
            <pc:docMk/>
            <pc:sldMk cId="1650709507" sldId="345"/>
            <ac:spMk id="3" creationId="{BD550712-F300-4060-A8B5-F49F7CEA101B}"/>
          </ac:spMkLst>
        </pc:spChg>
        <pc:spChg chg="mod">
          <ac:chgData name="Ib Helmer Nielsen" userId="1d84c586-4ac4-4675-b33f-4966539925d6" providerId="ADAL" clId="{E12C101E-2E37-44C5-A33D-FCEEFD6B5181}" dt="2021-04-28T20:00:35.917" v="1414"/>
          <ac:spMkLst>
            <pc:docMk/>
            <pc:sldMk cId="1650709507" sldId="345"/>
            <ac:spMk id="4" creationId="{7C2B08C3-1567-41E3-9CAE-626F737DC272}"/>
          </ac:spMkLst>
        </pc:spChg>
        <pc:spChg chg="mod">
          <ac:chgData name="Ib Helmer Nielsen" userId="1d84c586-4ac4-4675-b33f-4966539925d6" providerId="ADAL" clId="{E12C101E-2E37-44C5-A33D-FCEEFD6B5181}" dt="2021-04-28T20:00:35.917" v="1414"/>
          <ac:spMkLst>
            <pc:docMk/>
            <pc:sldMk cId="1650709507" sldId="345"/>
            <ac:spMk id="5" creationId="{4F7EC7E8-4FE1-43FD-8C69-16A92899C427}"/>
          </ac:spMkLst>
        </pc:spChg>
        <pc:spChg chg="add mod">
          <ac:chgData name="Ib Helmer Nielsen" userId="1d84c586-4ac4-4675-b33f-4966539925d6" providerId="ADAL" clId="{E12C101E-2E37-44C5-A33D-FCEEFD6B5181}" dt="2021-04-28T20:01:06.094" v="1455" actId="20577"/>
          <ac:spMkLst>
            <pc:docMk/>
            <pc:sldMk cId="1650709507" sldId="345"/>
            <ac:spMk id="6" creationId="{D800718C-2A4F-49F3-89AE-FE22E404121E}"/>
          </ac:spMkLst>
        </pc:spChg>
        <pc:spChg chg="add mod">
          <ac:chgData name="Ib Helmer Nielsen" userId="1d84c586-4ac4-4675-b33f-4966539925d6" providerId="ADAL" clId="{E12C101E-2E37-44C5-A33D-FCEEFD6B5181}" dt="2021-04-28T20:00:35.917" v="1414"/>
          <ac:spMkLst>
            <pc:docMk/>
            <pc:sldMk cId="1650709507" sldId="345"/>
            <ac:spMk id="7" creationId="{40F37548-3B5A-4440-933B-3799AE1C98B0}"/>
          </ac:spMkLst>
        </pc:spChg>
      </pc:sldChg>
      <pc:sldChg chg="addSp delSp modSp new mod">
        <pc:chgData name="Ib Helmer Nielsen" userId="1d84c586-4ac4-4675-b33f-4966539925d6" providerId="ADAL" clId="{E12C101E-2E37-44C5-A33D-FCEEFD6B5181}" dt="2021-04-28T20:10:31.241" v="1795" actId="1076"/>
        <pc:sldMkLst>
          <pc:docMk/>
          <pc:sldMk cId="1682789781" sldId="346"/>
        </pc:sldMkLst>
        <pc:spChg chg="del">
          <ac:chgData name="Ib Helmer Nielsen" userId="1d84c586-4ac4-4675-b33f-4966539925d6" providerId="ADAL" clId="{E12C101E-2E37-44C5-A33D-FCEEFD6B5181}" dt="2021-04-28T20:01:14.402" v="1457"/>
          <ac:spMkLst>
            <pc:docMk/>
            <pc:sldMk cId="1682789781" sldId="346"/>
            <ac:spMk id="2" creationId="{9745D37B-0C64-4258-926B-64B3637CA335}"/>
          </ac:spMkLst>
        </pc:spChg>
        <pc:spChg chg="del">
          <ac:chgData name="Ib Helmer Nielsen" userId="1d84c586-4ac4-4675-b33f-4966539925d6" providerId="ADAL" clId="{E12C101E-2E37-44C5-A33D-FCEEFD6B5181}" dt="2021-04-28T20:01:14.402" v="1457"/>
          <ac:spMkLst>
            <pc:docMk/>
            <pc:sldMk cId="1682789781" sldId="346"/>
            <ac:spMk id="3" creationId="{B92C3F02-B074-487B-AC75-8CEBB77D2CD1}"/>
          </ac:spMkLst>
        </pc:spChg>
        <pc:spChg chg="mod">
          <ac:chgData name="Ib Helmer Nielsen" userId="1d84c586-4ac4-4675-b33f-4966539925d6" providerId="ADAL" clId="{E12C101E-2E37-44C5-A33D-FCEEFD6B5181}" dt="2021-04-28T20:01:14.402" v="1457"/>
          <ac:spMkLst>
            <pc:docMk/>
            <pc:sldMk cId="1682789781" sldId="346"/>
            <ac:spMk id="4" creationId="{2179E873-CC21-451B-8070-6478B7957F24}"/>
          </ac:spMkLst>
        </pc:spChg>
        <pc:spChg chg="mod">
          <ac:chgData name="Ib Helmer Nielsen" userId="1d84c586-4ac4-4675-b33f-4966539925d6" providerId="ADAL" clId="{E12C101E-2E37-44C5-A33D-FCEEFD6B5181}" dt="2021-04-28T20:01:14.402" v="1457"/>
          <ac:spMkLst>
            <pc:docMk/>
            <pc:sldMk cId="1682789781" sldId="346"/>
            <ac:spMk id="5" creationId="{DE697E82-3E1C-40B5-8904-2660BD1E847A}"/>
          </ac:spMkLst>
        </pc:spChg>
        <pc:spChg chg="add mod">
          <ac:chgData name="Ib Helmer Nielsen" userId="1d84c586-4ac4-4675-b33f-4966539925d6" providerId="ADAL" clId="{E12C101E-2E37-44C5-A33D-FCEEFD6B5181}" dt="2021-04-28T20:01:58.627" v="1467" actId="20577"/>
          <ac:spMkLst>
            <pc:docMk/>
            <pc:sldMk cId="1682789781" sldId="346"/>
            <ac:spMk id="6" creationId="{11E15D87-C39B-4AA5-B02E-0B47045E60E1}"/>
          </ac:spMkLst>
        </pc:spChg>
        <pc:spChg chg="add mod">
          <ac:chgData name="Ib Helmer Nielsen" userId="1d84c586-4ac4-4675-b33f-4966539925d6" providerId="ADAL" clId="{E12C101E-2E37-44C5-A33D-FCEEFD6B5181}" dt="2021-04-28T20:10:18.730" v="1792" actId="20577"/>
          <ac:spMkLst>
            <pc:docMk/>
            <pc:sldMk cId="1682789781" sldId="346"/>
            <ac:spMk id="7" creationId="{88B7F7DD-CE8E-4350-861A-91F7264043C4}"/>
          </ac:spMkLst>
        </pc:spChg>
        <pc:picChg chg="add mod">
          <ac:chgData name="Ib Helmer Nielsen" userId="1d84c586-4ac4-4675-b33f-4966539925d6" providerId="ADAL" clId="{E12C101E-2E37-44C5-A33D-FCEEFD6B5181}" dt="2021-04-28T20:10:31.241" v="1795" actId="1076"/>
          <ac:picMkLst>
            <pc:docMk/>
            <pc:sldMk cId="1682789781" sldId="346"/>
            <ac:picMk id="8" creationId="{9905B6E4-C67C-490A-B49D-01368932613D}"/>
          </ac:picMkLst>
        </pc:picChg>
      </pc:sldChg>
      <pc:sldChg chg="addSp modSp new mod">
        <pc:chgData name="Ib Helmer Nielsen" userId="1d84c586-4ac4-4675-b33f-4966539925d6" providerId="ADAL" clId="{E12C101E-2E37-44C5-A33D-FCEEFD6B5181}" dt="2021-04-28T20:17:32.954" v="2087" actId="14861"/>
        <pc:sldMkLst>
          <pc:docMk/>
          <pc:sldMk cId="1539308726" sldId="347"/>
        </pc:sldMkLst>
        <pc:spChg chg="mod">
          <ac:chgData name="Ib Helmer Nielsen" userId="1d84c586-4ac4-4675-b33f-4966539925d6" providerId="ADAL" clId="{E12C101E-2E37-44C5-A33D-FCEEFD6B5181}" dt="2021-04-28T20:09:17.273" v="1738" actId="20577"/>
          <ac:spMkLst>
            <pc:docMk/>
            <pc:sldMk cId="1539308726" sldId="347"/>
            <ac:spMk id="2" creationId="{A0479596-2418-44B1-8D5A-BC4BEEB7CC5F}"/>
          </ac:spMkLst>
        </pc:spChg>
        <pc:spChg chg="mod">
          <ac:chgData name="Ib Helmer Nielsen" userId="1d84c586-4ac4-4675-b33f-4966539925d6" providerId="ADAL" clId="{E12C101E-2E37-44C5-A33D-FCEEFD6B5181}" dt="2021-04-28T20:16:14.800" v="2083" actId="14100"/>
          <ac:spMkLst>
            <pc:docMk/>
            <pc:sldMk cId="1539308726" sldId="347"/>
            <ac:spMk id="3" creationId="{54403A31-D5FC-47AA-AF56-94E964F01126}"/>
          </ac:spMkLst>
        </pc:spChg>
        <pc:picChg chg="add mod">
          <ac:chgData name="Ib Helmer Nielsen" userId="1d84c586-4ac4-4675-b33f-4966539925d6" providerId="ADAL" clId="{E12C101E-2E37-44C5-A33D-FCEEFD6B5181}" dt="2021-04-28T20:17:32.954" v="2087" actId="14861"/>
          <ac:picMkLst>
            <pc:docMk/>
            <pc:sldMk cId="1539308726" sldId="347"/>
            <ac:picMk id="6" creationId="{D77B22DA-6170-4E6E-AC75-E3199572EB5E}"/>
          </ac:picMkLst>
        </pc:picChg>
      </pc:sldChg>
      <pc:sldChg chg="addSp delSp modSp new mod">
        <pc:chgData name="Ib Helmer Nielsen" userId="1d84c586-4ac4-4675-b33f-4966539925d6" providerId="ADAL" clId="{E12C101E-2E37-44C5-A33D-FCEEFD6B5181}" dt="2021-04-28T20:21:53.147" v="2171" actId="1076"/>
        <pc:sldMkLst>
          <pc:docMk/>
          <pc:sldMk cId="4279762136" sldId="348"/>
        </pc:sldMkLst>
        <pc:spChg chg="mod">
          <ac:chgData name="Ib Helmer Nielsen" userId="1d84c586-4ac4-4675-b33f-4966539925d6" providerId="ADAL" clId="{E12C101E-2E37-44C5-A33D-FCEEFD6B5181}" dt="2021-04-28T20:20:01.937" v="2112" actId="20577"/>
          <ac:spMkLst>
            <pc:docMk/>
            <pc:sldMk cId="4279762136" sldId="348"/>
            <ac:spMk id="2" creationId="{1BAE54A5-597D-4A07-BF47-5F9CF21D5121}"/>
          </ac:spMkLst>
        </pc:spChg>
        <pc:spChg chg="del">
          <ac:chgData name="Ib Helmer Nielsen" userId="1d84c586-4ac4-4675-b33f-4966539925d6" providerId="ADAL" clId="{E12C101E-2E37-44C5-A33D-FCEEFD6B5181}" dt="2021-04-28T20:19:33.694" v="2103"/>
          <ac:spMkLst>
            <pc:docMk/>
            <pc:sldMk cId="4279762136" sldId="348"/>
            <ac:spMk id="3" creationId="{E949EE31-E1DD-4AB9-B54E-0FB337E6A8F7}"/>
          </ac:spMkLst>
        </pc:spChg>
        <pc:spChg chg="add mod">
          <ac:chgData name="Ib Helmer Nielsen" userId="1d84c586-4ac4-4675-b33f-4966539925d6" providerId="ADAL" clId="{E12C101E-2E37-44C5-A33D-FCEEFD6B5181}" dt="2021-04-28T20:21:53.147" v="2171" actId="1076"/>
          <ac:spMkLst>
            <pc:docMk/>
            <pc:sldMk cId="4279762136" sldId="348"/>
            <ac:spMk id="7" creationId="{67A769C6-66A2-426F-B456-E21724C6E7DE}"/>
          </ac:spMkLst>
        </pc:spChg>
        <pc:picChg chg="add mod">
          <ac:chgData name="Ib Helmer Nielsen" userId="1d84c586-4ac4-4675-b33f-4966539925d6" providerId="ADAL" clId="{E12C101E-2E37-44C5-A33D-FCEEFD6B5181}" dt="2021-04-28T20:19:57.142" v="2111" actId="14100"/>
          <ac:picMkLst>
            <pc:docMk/>
            <pc:sldMk cId="4279762136" sldId="348"/>
            <ac:picMk id="6" creationId="{B82C50CA-FB78-4016-A5EA-BE712D39504C}"/>
          </ac:picMkLst>
        </pc:picChg>
      </pc:sldChg>
      <pc:sldChg chg="modSp new del mod">
        <pc:chgData name="Ib Helmer Nielsen" userId="1d84c586-4ac4-4675-b33f-4966539925d6" providerId="ADAL" clId="{E12C101E-2E37-44C5-A33D-FCEEFD6B5181}" dt="2021-04-28T20:42:13.307" v="2477" actId="47"/>
        <pc:sldMkLst>
          <pc:docMk/>
          <pc:sldMk cId="2716682269" sldId="349"/>
        </pc:sldMkLst>
        <pc:spChg chg="mod">
          <ac:chgData name="Ib Helmer Nielsen" userId="1d84c586-4ac4-4675-b33f-4966539925d6" providerId="ADAL" clId="{E12C101E-2E37-44C5-A33D-FCEEFD6B5181}" dt="2021-04-28T20:32:37.378" v="2323" actId="14100"/>
          <ac:spMkLst>
            <pc:docMk/>
            <pc:sldMk cId="2716682269" sldId="349"/>
            <ac:spMk id="2" creationId="{DECCB550-734B-47C8-B76D-E8BFA996B5D6}"/>
          </ac:spMkLst>
        </pc:spChg>
        <pc:spChg chg="mod">
          <ac:chgData name="Ib Helmer Nielsen" userId="1d84c586-4ac4-4675-b33f-4966539925d6" providerId="ADAL" clId="{E12C101E-2E37-44C5-A33D-FCEEFD6B5181}" dt="2021-04-28T20:40:14.770" v="2392" actId="21"/>
          <ac:spMkLst>
            <pc:docMk/>
            <pc:sldMk cId="2716682269" sldId="349"/>
            <ac:spMk id="3" creationId="{E9C1B894-DDBC-4C71-8B4E-CB9C1D5189FD}"/>
          </ac:spMkLst>
        </pc:spChg>
      </pc:sldChg>
      <pc:sldChg chg="addSp modSp new mod">
        <pc:chgData name="Ib Helmer Nielsen" userId="1d84c586-4ac4-4675-b33f-4966539925d6" providerId="ADAL" clId="{E12C101E-2E37-44C5-A33D-FCEEFD6B5181}" dt="2021-04-28T20:47:38.725" v="2572" actId="14100"/>
        <pc:sldMkLst>
          <pc:docMk/>
          <pc:sldMk cId="3416928579" sldId="350"/>
        </pc:sldMkLst>
        <pc:spChg chg="mod">
          <ac:chgData name="Ib Helmer Nielsen" userId="1d84c586-4ac4-4675-b33f-4966539925d6" providerId="ADAL" clId="{E12C101E-2E37-44C5-A33D-FCEEFD6B5181}" dt="2021-04-28T20:43:12.224" v="2496" actId="20577"/>
          <ac:spMkLst>
            <pc:docMk/>
            <pc:sldMk cId="3416928579" sldId="350"/>
            <ac:spMk id="2" creationId="{22C3C2D3-3916-443E-9E0C-8E2F3FDE3F1A}"/>
          </ac:spMkLst>
        </pc:spChg>
        <pc:spChg chg="mod">
          <ac:chgData name="Ib Helmer Nielsen" userId="1d84c586-4ac4-4675-b33f-4966539925d6" providerId="ADAL" clId="{E12C101E-2E37-44C5-A33D-FCEEFD6B5181}" dt="2021-04-28T20:47:29.793" v="2571" actId="12"/>
          <ac:spMkLst>
            <pc:docMk/>
            <pc:sldMk cId="3416928579" sldId="350"/>
            <ac:spMk id="3" creationId="{D521B033-85C8-4C68-99EF-F720ADB94A07}"/>
          </ac:spMkLst>
        </pc:spChg>
        <pc:picChg chg="add mod">
          <ac:chgData name="Ib Helmer Nielsen" userId="1d84c586-4ac4-4675-b33f-4966539925d6" providerId="ADAL" clId="{E12C101E-2E37-44C5-A33D-FCEEFD6B5181}" dt="2021-04-28T20:47:38.725" v="2572" actId="14100"/>
          <ac:picMkLst>
            <pc:docMk/>
            <pc:sldMk cId="3416928579" sldId="350"/>
            <ac:picMk id="6" creationId="{12F46868-4B37-4738-B482-759B8E1992A6}"/>
          </ac:picMkLst>
        </pc:picChg>
      </pc:sldChg>
      <pc:sldChg chg="modSp new mod">
        <pc:chgData name="Ib Helmer Nielsen" userId="1d84c586-4ac4-4675-b33f-4966539925d6" providerId="ADAL" clId="{E12C101E-2E37-44C5-A33D-FCEEFD6B5181}" dt="2021-04-28T20:35:55.968" v="2373" actId="6549"/>
        <pc:sldMkLst>
          <pc:docMk/>
          <pc:sldMk cId="316128132" sldId="351"/>
        </pc:sldMkLst>
        <pc:spChg chg="mod">
          <ac:chgData name="Ib Helmer Nielsen" userId="1d84c586-4ac4-4675-b33f-4966539925d6" providerId="ADAL" clId="{E12C101E-2E37-44C5-A33D-FCEEFD6B5181}" dt="2021-04-28T20:34:23.418" v="2350" actId="20577"/>
          <ac:spMkLst>
            <pc:docMk/>
            <pc:sldMk cId="316128132" sldId="351"/>
            <ac:spMk id="2" creationId="{01429B34-314E-4FCF-B1FF-48805095CAE6}"/>
          </ac:spMkLst>
        </pc:spChg>
        <pc:spChg chg="mod">
          <ac:chgData name="Ib Helmer Nielsen" userId="1d84c586-4ac4-4675-b33f-4966539925d6" providerId="ADAL" clId="{E12C101E-2E37-44C5-A33D-FCEEFD6B5181}" dt="2021-04-28T20:35:55.968" v="2373" actId="6549"/>
          <ac:spMkLst>
            <pc:docMk/>
            <pc:sldMk cId="316128132" sldId="351"/>
            <ac:spMk id="3" creationId="{B36B2A9B-80F4-4300-9465-8FBB0611FEFB}"/>
          </ac:spMkLst>
        </pc:spChg>
      </pc:sldChg>
      <pc:sldChg chg="addSp delSp modSp new mod">
        <pc:chgData name="Ib Helmer Nielsen" userId="1d84c586-4ac4-4675-b33f-4966539925d6" providerId="ADAL" clId="{E12C101E-2E37-44C5-A33D-FCEEFD6B5181}" dt="2021-04-28T20:42:34.745" v="2479" actId="20577"/>
        <pc:sldMkLst>
          <pc:docMk/>
          <pc:sldMk cId="530482916" sldId="352"/>
        </pc:sldMkLst>
        <pc:spChg chg="mod">
          <ac:chgData name="Ib Helmer Nielsen" userId="1d84c586-4ac4-4675-b33f-4966539925d6" providerId="ADAL" clId="{E12C101E-2E37-44C5-A33D-FCEEFD6B5181}" dt="2021-04-28T20:39:45.001" v="2390"/>
          <ac:spMkLst>
            <pc:docMk/>
            <pc:sldMk cId="530482916" sldId="352"/>
            <ac:spMk id="2" creationId="{A61D7A13-2133-4C91-A8FF-53DF70CB20E4}"/>
          </ac:spMkLst>
        </pc:spChg>
        <pc:spChg chg="del">
          <ac:chgData name="Ib Helmer Nielsen" userId="1d84c586-4ac4-4675-b33f-4966539925d6" providerId="ADAL" clId="{E12C101E-2E37-44C5-A33D-FCEEFD6B5181}" dt="2021-04-28T20:37:13.385" v="2375"/>
          <ac:spMkLst>
            <pc:docMk/>
            <pc:sldMk cId="530482916" sldId="352"/>
            <ac:spMk id="3" creationId="{DAFE0F0C-1EC1-40DB-9B86-8D9EDAFEE897}"/>
          </ac:spMkLst>
        </pc:spChg>
        <pc:spChg chg="add mod">
          <ac:chgData name="Ib Helmer Nielsen" userId="1d84c586-4ac4-4675-b33f-4966539925d6" providerId="ADAL" clId="{E12C101E-2E37-44C5-A33D-FCEEFD6B5181}" dt="2021-04-28T20:42:34.745" v="2479" actId="20577"/>
          <ac:spMkLst>
            <pc:docMk/>
            <pc:sldMk cId="530482916" sldId="352"/>
            <ac:spMk id="7" creationId="{8E921C48-ECEA-4B20-A3AF-A4520328001F}"/>
          </ac:spMkLst>
        </pc:spChg>
        <pc:graphicFrameChg chg="add mod modGraphic">
          <ac:chgData name="Ib Helmer Nielsen" userId="1d84c586-4ac4-4675-b33f-4966539925d6" providerId="ADAL" clId="{E12C101E-2E37-44C5-A33D-FCEEFD6B5181}" dt="2021-04-28T20:42:00.813" v="2476" actId="14100"/>
          <ac:graphicFrameMkLst>
            <pc:docMk/>
            <pc:sldMk cId="530482916" sldId="352"/>
            <ac:graphicFrameMk id="6" creationId="{14B52E5B-805C-44E9-B8A2-8C1D609B95CD}"/>
          </ac:graphicFrameMkLst>
        </pc:graphicFrameChg>
      </pc:sldChg>
      <pc:sldChg chg="addSp modSp new mod">
        <pc:chgData name="Ib Helmer Nielsen" userId="1d84c586-4ac4-4675-b33f-4966539925d6" providerId="ADAL" clId="{E12C101E-2E37-44C5-A33D-FCEEFD6B5181}" dt="2021-04-28T21:01:10.448" v="2654" actId="20577"/>
        <pc:sldMkLst>
          <pc:docMk/>
          <pc:sldMk cId="3725772083" sldId="353"/>
        </pc:sldMkLst>
        <pc:spChg chg="mod">
          <ac:chgData name="Ib Helmer Nielsen" userId="1d84c586-4ac4-4675-b33f-4966539925d6" providerId="ADAL" clId="{E12C101E-2E37-44C5-A33D-FCEEFD6B5181}" dt="2021-04-28T20:59:39.805" v="2620" actId="6549"/>
          <ac:spMkLst>
            <pc:docMk/>
            <pc:sldMk cId="3725772083" sldId="353"/>
            <ac:spMk id="2" creationId="{47EB18E7-693B-4E43-80FB-D6457C865971}"/>
          </ac:spMkLst>
        </pc:spChg>
        <pc:spChg chg="mod">
          <ac:chgData name="Ib Helmer Nielsen" userId="1d84c586-4ac4-4675-b33f-4966539925d6" providerId="ADAL" clId="{E12C101E-2E37-44C5-A33D-FCEEFD6B5181}" dt="2021-04-28T21:01:10.448" v="2654" actId="20577"/>
          <ac:spMkLst>
            <pc:docMk/>
            <pc:sldMk cId="3725772083" sldId="353"/>
            <ac:spMk id="3" creationId="{01478F5C-3A5C-4725-9D3C-8351036E694B}"/>
          </ac:spMkLst>
        </pc:spChg>
        <pc:spChg chg="add mod">
          <ac:chgData name="Ib Helmer Nielsen" userId="1d84c586-4ac4-4675-b33f-4966539925d6" providerId="ADAL" clId="{E12C101E-2E37-44C5-A33D-FCEEFD6B5181}" dt="2021-04-28T20:52:35.431" v="2587" actId="403"/>
          <ac:spMkLst>
            <pc:docMk/>
            <pc:sldMk cId="3725772083" sldId="353"/>
            <ac:spMk id="6" creationId="{3C360CA1-9948-41F1-8B8C-37FB84FB27FB}"/>
          </ac:spMkLst>
        </pc:spChg>
      </pc:sldChg>
      <pc:sldChg chg="modSp new mod">
        <pc:chgData name="Ib Helmer Nielsen" userId="1d84c586-4ac4-4675-b33f-4966539925d6" providerId="ADAL" clId="{E12C101E-2E37-44C5-A33D-FCEEFD6B5181}" dt="2021-04-28T21:05:26.595" v="2668" actId="14100"/>
        <pc:sldMkLst>
          <pc:docMk/>
          <pc:sldMk cId="182353861" sldId="354"/>
        </pc:sldMkLst>
        <pc:spChg chg="mod">
          <ac:chgData name="Ib Helmer Nielsen" userId="1d84c586-4ac4-4675-b33f-4966539925d6" providerId="ADAL" clId="{E12C101E-2E37-44C5-A33D-FCEEFD6B5181}" dt="2021-04-28T21:00:33.138" v="2643" actId="20577"/>
          <ac:spMkLst>
            <pc:docMk/>
            <pc:sldMk cId="182353861" sldId="354"/>
            <ac:spMk id="2" creationId="{2F902BC6-6B24-48DE-A4A6-7B1DF5D2450A}"/>
          </ac:spMkLst>
        </pc:spChg>
        <pc:spChg chg="mod">
          <ac:chgData name="Ib Helmer Nielsen" userId="1d84c586-4ac4-4675-b33f-4966539925d6" providerId="ADAL" clId="{E12C101E-2E37-44C5-A33D-FCEEFD6B5181}" dt="2021-04-28T21:05:26.595" v="2668" actId="14100"/>
          <ac:spMkLst>
            <pc:docMk/>
            <pc:sldMk cId="182353861" sldId="354"/>
            <ac:spMk id="3" creationId="{D4763EFE-BA33-4FED-8C68-1C34D668BF1B}"/>
          </ac:spMkLst>
        </pc:spChg>
      </pc:sldChg>
      <pc:sldChg chg="modSp new mod">
        <pc:chgData name="Ib Helmer Nielsen" userId="1d84c586-4ac4-4675-b33f-4966539925d6" providerId="ADAL" clId="{E12C101E-2E37-44C5-A33D-FCEEFD6B5181}" dt="2021-04-28T21:19:14.352" v="3306" actId="313"/>
        <pc:sldMkLst>
          <pc:docMk/>
          <pc:sldMk cId="280587344" sldId="355"/>
        </pc:sldMkLst>
        <pc:spChg chg="mod">
          <ac:chgData name="Ib Helmer Nielsen" userId="1d84c586-4ac4-4675-b33f-4966539925d6" providerId="ADAL" clId="{E12C101E-2E37-44C5-A33D-FCEEFD6B5181}" dt="2021-04-28T21:06:53.785" v="2700" actId="20577"/>
          <ac:spMkLst>
            <pc:docMk/>
            <pc:sldMk cId="280587344" sldId="355"/>
            <ac:spMk id="2" creationId="{2465BB02-64DB-4A41-9B44-D2B5C5474BF9}"/>
          </ac:spMkLst>
        </pc:spChg>
        <pc:spChg chg="mod">
          <ac:chgData name="Ib Helmer Nielsen" userId="1d84c586-4ac4-4675-b33f-4966539925d6" providerId="ADAL" clId="{E12C101E-2E37-44C5-A33D-FCEEFD6B5181}" dt="2021-04-28T21:19:14.352" v="3306" actId="313"/>
          <ac:spMkLst>
            <pc:docMk/>
            <pc:sldMk cId="280587344" sldId="355"/>
            <ac:spMk id="3" creationId="{8781480E-0489-41F4-8851-1D9FC11F0278}"/>
          </ac:spMkLst>
        </pc:spChg>
      </pc:sldChg>
      <pc:sldChg chg="addSp modSp new mod">
        <pc:chgData name="Ib Helmer Nielsen" userId="1d84c586-4ac4-4675-b33f-4966539925d6" providerId="ADAL" clId="{E12C101E-2E37-44C5-A33D-FCEEFD6B5181}" dt="2021-04-28T21:32:32.817" v="3577" actId="20577"/>
        <pc:sldMkLst>
          <pc:docMk/>
          <pc:sldMk cId="4104480309" sldId="356"/>
        </pc:sldMkLst>
        <pc:spChg chg="mod">
          <ac:chgData name="Ib Helmer Nielsen" userId="1d84c586-4ac4-4675-b33f-4966539925d6" providerId="ADAL" clId="{E12C101E-2E37-44C5-A33D-FCEEFD6B5181}" dt="2021-04-28T21:32:22.473" v="3569" actId="20577"/>
          <ac:spMkLst>
            <pc:docMk/>
            <pc:sldMk cId="4104480309" sldId="356"/>
            <ac:spMk id="2" creationId="{B6882CC1-536A-4808-9702-89BE1292286F}"/>
          </ac:spMkLst>
        </pc:spChg>
        <pc:spChg chg="mod">
          <ac:chgData name="Ib Helmer Nielsen" userId="1d84c586-4ac4-4675-b33f-4966539925d6" providerId="ADAL" clId="{E12C101E-2E37-44C5-A33D-FCEEFD6B5181}" dt="2021-04-28T21:32:32.817" v="3577" actId="20577"/>
          <ac:spMkLst>
            <pc:docMk/>
            <pc:sldMk cId="4104480309" sldId="356"/>
            <ac:spMk id="3" creationId="{AB25B360-87F5-4B2A-B644-663ADD8C5183}"/>
          </ac:spMkLst>
        </pc:spChg>
        <pc:picChg chg="add mod">
          <ac:chgData name="Ib Helmer Nielsen" userId="1d84c586-4ac4-4675-b33f-4966539925d6" providerId="ADAL" clId="{E12C101E-2E37-44C5-A33D-FCEEFD6B5181}" dt="2021-04-28T21:32:29.561" v="3576" actId="1076"/>
          <ac:picMkLst>
            <pc:docMk/>
            <pc:sldMk cId="4104480309" sldId="356"/>
            <ac:picMk id="6" creationId="{0B9764EC-EBA7-460C-8D3D-7B70DFA98437}"/>
          </ac:picMkLst>
        </pc:picChg>
      </pc:sldChg>
      <pc:sldChg chg="addSp delSp modSp new mod">
        <pc:chgData name="Ib Helmer Nielsen" userId="1d84c586-4ac4-4675-b33f-4966539925d6" providerId="ADAL" clId="{E12C101E-2E37-44C5-A33D-FCEEFD6B5181}" dt="2021-04-28T21:31:39.430" v="3549" actId="14100"/>
        <pc:sldMkLst>
          <pc:docMk/>
          <pc:sldMk cId="704399715" sldId="357"/>
        </pc:sldMkLst>
        <pc:spChg chg="mod">
          <ac:chgData name="Ib Helmer Nielsen" userId="1d84c586-4ac4-4675-b33f-4966539925d6" providerId="ADAL" clId="{E12C101E-2E37-44C5-A33D-FCEEFD6B5181}" dt="2021-04-28T21:29:36.015" v="3545" actId="20577"/>
          <ac:spMkLst>
            <pc:docMk/>
            <pc:sldMk cId="704399715" sldId="357"/>
            <ac:spMk id="2" creationId="{48944022-A427-4F37-9D4B-04A26CD1FAA2}"/>
          </ac:spMkLst>
        </pc:spChg>
        <pc:spChg chg="del">
          <ac:chgData name="Ib Helmer Nielsen" userId="1d84c586-4ac4-4675-b33f-4966539925d6" providerId="ADAL" clId="{E12C101E-2E37-44C5-A33D-FCEEFD6B5181}" dt="2021-04-28T21:31:29.706" v="3546"/>
          <ac:spMkLst>
            <pc:docMk/>
            <pc:sldMk cId="704399715" sldId="357"/>
            <ac:spMk id="3" creationId="{2E080B8F-69E8-44E8-BF6F-B2802A97EDB1}"/>
          </ac:spMkLst>
        </pc:spChg>
        <pc:picChg chg="add mod">
          <ac:chgData name="Ib Helmer Nielsen" userId="1d84c586-4ac4-4675-b33f-4966539925d6" providerId="ADAL" clId="{E12C101E-2E37-44C5-A33D-FCEEFD6B5181}" dt="2021-04-28T21:31:39.430" v="3549" actId="14100"/>
          <ac:picMkLst>
            <pc:docMk/>
            <pc:sldMk cId="704399715" sldId="357"/>
            <ac:picMk id="6" creationId="{4CC4F506-0081-40F6-AABB-D6898B090D5D}"/>
          </ac:picMkLst>
        </pc:picChg>
      </pc:sldChg>
      <pc:sldChg chg="addSp delSp modSp new mod">
        <pc:chgData name="Ib Helmer Nielsen" userId="1d84c586-4ac4-4675-b33f-4966539925d6" providerId="ADAL" clId="{E12C101E-2E37-44C5-A33D-FCEEFD6B5181}" dt="2021-04-28T21:49:11.355" v="3825" actId="20577"/>
        <pc:sldMkLst>
          <pc:docMk/>
          <pc:sldMk cId="2272160333" sldId="358"/>
        </pc:sldMkLst>
        <pc:spChg chg="mod">
          <ac:chgData name="Ib Helmer Nielsen" userId="1d84c586-4ac4-4675-b33f-4966539925d6" providerId="ADAL" clId="{E12C101E-2E37-44C5-A33D-FCEEFD6B5181}" dt="2021-04-28T21:32:12.061" v="3552"/>
          <ac:spMkLst>
            <pc:docMk/>
            <pc:sldMk cId="2272160333" sldId="358"/>
            <ac:spMk id="2" creationId="{C41154C4-E902-4E44-AFC2-D0CA3A580612}"/>
          </ac:spMkLst>
        </pc:spChg>
        <pc:spChg chg="del">
          <ac:chgData name="Ib Helmer Nielsen" userId="1d84c586-4ac4-4675-b33f-4966539925d6" providerId="ADAL" clId="{E12C101E-2E37-44C5-A33D-FCEEFD6B5181}" dt="2021-04-28T21:35:43.597" v="3578" actId="3680"/>
          <ac:spMkLst>
            <pc:docMk/>
            <pc:sldMk cId="2272160333" sldId="358"/>
            <ac:spMk id="3" creationId="{72177501-3A85-4A5B-ABE0-5949E900CEFC}"/>
          </ac:spMkLst>
        </pc:spChg>
        <pc:spChg chg="add mod">
          <ac:chgData name="Ib Helmer Nielsen" userId="1d84c586-4ac4-4675-b33f-4966539925d6" providerId="ADAL" clId="{E12C101E-2E37-44C5-A33D-FCEEFD6B5181}" dt="2021-04-28T21:49:11.355" v="3825" actId="20577"/>
          <ac:spMkLst>
            <pc:docMk/>
            <pc:sldMk cId="2272160333" sldId="358"/>
            <ac:spMk id="7" creationId="{341614BE-DED8-44A2-B10F-3D9CEC75BF31}"/>
          </ac:spMkLst>
        </pc:spChg>
        <pc:graphicFrameChg chg="add mod ord modGraphic">
          <ac:chgData name="Ib Helmer Nielsen" userId="1d84c586-4ac4-4675-b33f-4966539925d6" providerId="ADAL" clId="{E12C101E-2E37-44C5-A33D-FCEEFD6B5181}" dt="2021-04-28T21:44:05.558" v="3628" actId="20577"/>
          <ac:graphicFrameMkLst>
            <pc:docMk/>
            <pc:sldMk cId="2272160333" sldId="358"/>
            <ac:graphicFrameMk id="6" creationId="{698E34EE-1329-433C-9DE8-2E4093DB8198}"/>
          </ac:graphicFrameMkLst>
        </pc:graphicFrameChg>
      </pc:sldChg>
      <pc:sldChg chg="addSp modSp new mod">
        <pc:chgData name="Ib Helmer Nielsen" userId="1d84c586-4ac4-4675-b33f-4966539925d6" providerId="ADAL" clId="{E12C101E-2E37-44C5-A33D-FCEEFD6B5181}" dt="2021-04-28T21:57:31.944" v="4103" actId="20577"/>
        <pc:sldMkLst>
          <pc:docMk/>
          <pc:sldMk cId="2362866809" sldId="359"/>
        </pc:sldMkLst>
        <pc:spChg chg="mod">
          <ac:chgData name="Ib Helmer Nielsen" userId="1d84c586-4ac4-4675-b33f-4966539925d6" providerId="ADAL" clId="{E12C101E-2E37-44C5-A33D-FCEEFD6B5181}" dt="2021-04-28T21:49:38.968" v="3840" actId="20577"/>
          <ac:spMkLst>
            <pc:docMk/>
            <pc:sldMk cId="2362866809" sldId="359"/>
            <ac:spMk id="2" creationId="{5D8A95AD-3EB0-4581-A16C-0E1F390BF1C7}"/>
          </ac:spMkLst>
        </pc:spChg>
        <pc:spChg chg="mod">
          <ac:chgData name="Ib Helmer Nielsen" userId="1d84c586-4ac4-4675-b33f-4966539925d6" providerId="ADAL" clId="{E12C101E-2E37-44C5-A33D-FCEEFD6B5181}" dt="2021-04-28T21:57:31.944" v="4103" actId="20577"/>
          <ac:spMkLst>
            <pc:docMk/>
            <pc:sldMk cId="2362866809" sldId="359"/>
            <ac:spMk id="3" creationId="{7EFBE080-E83A-4074-90F8-F1F8D11FF7BB}"/>
          </ac:spMkLst>
        </pc:spChg>
        <pc:picChg chg="add mod">
          <ac:chgData name="Ib Helmer Nielsen" userId="1d84c586-4ac4-4675-b33f-4966539925d6" providerId="ADAL" clId="{E12C101E-2E37-44C5-A33D-FCEEFD6B5181}" dt="2021-04-28T21:54:42.773" v="3907" actId="1076"/>
          <ac:picMkLst>
            <pc:docMk/>
            <pc:sldMk cId="2362866809" sldId="359"/>
            <ac:picMk id="6" creationId="{089EA499-D504-4738-A1C1-F15F58245398}"/>
          </ac:picMkLst>
        </pc:picChg>
      </pc:sldChg>
      <pc:sldChg chg="modSp new mod">
        <pc:chgData name="Ib Helmer Nielsen" userId="1d84c586-4ac4-4675-b33f-4966539925d6" providerId="ADAL" clId="{E12C101E-2E37-44C5-A33D-FCEEFD6B5181}" dt="2021-04-28T22:02:10.281" v="4255" actId="20577"/>
        <pc:sldMkLst>
          <pc:docMk/>
          <pc:sldMk cId="3390037867" sldId="360"/>
        </pc:sldMkLst>
        <pc:spChg chg="mod">
          <ac:chgData name="Ib Helmer Nielsen" userId="1d84c586-4ac4-4675-b33f-4966539925d6" providerId="ADAL" clId="{E12C101E-2E37-44C5-A33D-FCEEFD6B5181}" dt="2021-04-28T22:00:04.276" v="4131" actId="20577"/>
          <ac:spMkLst>
            <pc:docMk/>
            <pc:sldMk cId="3390037867" sldId="360"/>
            <ac:spMk id="2" creationId="{E529F7F7-7265-4B29-B00D-485E5E6E3457}"/>
          </ac:spMkLst>
        </pc:spChg>
        <pc:spChg chg="mod">
          <ac:chgData name="Ib Helmer Nielsen" userId="1d84c586-4ac4-4675-b33f-4966539925d6" providerId="ADAL" clId="{E12C101E-2E37-44C5-A33D-FCEEFD6B5181}" dt="2021-04-28T22:02:10.281" v="4255" actId="20577"/>
          <ac:spMkLst>
            <pc:docMk/>
            <pc:sldMk cId="3390037867" sldId="360"/>
            <ac:spMk id="3" creationId="{8CA1DFAF-473E-425E-834B-1384E92F917D}"/>
          </ac:spMkLst>
        </pc:spChg>
      </pc:sldChg>
      <pc:sldChg chg="modSp new mod">
        <pc:chgData name="Ib Helmer Nielsen" userId="1d84c586-4ac4-4675-b33f-4966539925d6" providerId="ADAL" clId="{E12C101E-2E37-44C5-A33D-FCEEFD6B5181}" dt="2021-04-28T22:09:04.221" v="4751" actId="313"/>
        <pc:sldMkLst>
          <pc:docMk/>
          <pc:sldMk cId="1863254745" sldId="361"/>
        </pc:sldMkLst>
        <pc:spChg chg="mod">
          <ac:chgData name="Ib Helmer Nielsen" userId="1d84c586-4ac4-4675-b33f-4966539925d6" providerId="ADAL" clId="{E12C101E-2E37-44C5-A33D-FCEEFD6B5181}" dt="2021-04-28T22:03:25.128" v="4288" actId="20577"/>
          <ac:spMkLst>
            <pc:docMk/>
            <pc:sldMk cId="1863254745" sldId="361"/>
            <ac:spMk id="2" creationId="{9A33A6D3-35B3-4203-A3AD-3285053A3BE3}"/>
          </ac:spMkLst>
        </pc:spChg>
        <pc:spChg chg="mod">
          <ac:chgData name="Ib Helmer Nielsen" userId="1d84c586-4ac4-4675-b33f-4966539925d6" providerId="ADAL" clId="{E12C101E-2E37-44C5-A33D-FCEEFD6B5181}" dt="2021-04-28T22:09:04.221" v="4751" actId="313"/>
          <ac:spMkLst>
            <pc:docMk/>
            <pc:sldMk cId="1863254745" sldId="361"/>
            <ac:spMk id="3" creationId="{130EDF50-93B6-4CB0-96BD-BAFB5199E1E0}"/>
          </ac:spMkLst>
        </pc:spChg>
      </pc:sldChg>
      <pc:sldChg chg="modSp new mod">
        <pc:chgData name="Ib Helmer Nielsen" userId="1d84c586-4ac4-4675-b33f-4966539925d6" providerId="ADAL" clId="{E12C101E-2E37-44C5-A33D-FCEEFD6B5181}" dt="2021-04-28T22:24:03.154" v="5131" actId="20577"/>
        <pc:sldMkLst>
          <pc:docMk/>
          <pc:sldMk cId="3664044015" sldId="362"/>
        </pc:sldMkLst>
        <pc:spChg chg="mod">
          <ac:chgData name="Ib Helmer Nielsen" userId="1d84c586-4ac4-4675-b33f-4966539925d6" providerId="ADAL" clId="{E12C101E-2E37-44C5-A33D-FCEEFD6B5181}" dt="2021-04-28T22:15:01.197" v="4856"/>
          <ac:spMkLst>
            <pc:docMk/>
            <pc:sldMk cId="3664044015" sldId="362"/>
            <ac:spMk id="2" creationId="{86AFB955-CD36-472A-AFEB-6C4BF99D307B}"/>
          </ac:spMkLst>
        </pc:spChg>
        <pc:spChg chg="mod">
          <ac:chgData name="Ib Helmer Nielsen" userId="1d84c586-4ac4-4675-b33f-4966539925d6" providerId="ADAL" clId="{E12C101E-2E37-44C5-A33D-FCEEFD6B5181}" dt="2021-04-28T22:24:03.154" v="5131" actId="20577"/>
          <ac:spMkLst>
            <pc:docMk/>
            <pc:sldMk cId="3664044015" sldId="362"/>
            <ac:spMk id="3" creationId="{43E819BC-95F3-4922-8729-303E7341464F}"/>
          </ac:spMkLst>
        </pc:spChg>
      </pc:sldChg>
      <pc:sldChg chg="modSp new del mod">
        <pc:chgData name="Ib Helmer Nielsen" userId="1d84c586-4ac4-4675-b33f-4966539925d6" providerId="ADAL" clId="{E12C101E-2E37-44C5-A33D-FCEEFD6B5181}" dt="2021-04-28T22:09:33.944" v="4769" actId="47"/>
        <pc:sldMkLst>
          <pc:docMk/>
          <pc:sldMk cId="986562322" sldId="363"/>
        </pc:sldMkLst>
        <pc:spChg chg="mod">
          <ac:chgData name="Ib Helmer Nielsen" userId="1d84c586-4ac4-4675-b33f-4966539925d6" providerId="ADAL" clId="{E12C101E-2E37-44C5-A33D-FCEEFD6B5181}" dt="2021-04-28T22:09:19.925" v="4768" actId="20577"/>
          <ac:spMkLst>
            <pc:docMk/>
            <pc:sldMk cId="986562322" sldId="363"/>
            <ac:spMk id="2" creationId="{709F9AFC-0419-4DE0-BBA1-9B37F4402974}"/>
          </ac:spMkLst>
        </pc:spChg>
      </pc:sldChg>
      <pc:sldChg chg="addSp delSp modSp">
        <pc:chgData name="Ib Helmer Nielsen" userId="1d84c586-4ac4-4675-b33f-4966539925d6" providerId="ADAL" clId="{E12C101E-2E37-44C5-A33D-FCEEFD6B5181}" dt="2021-04-28T22:13:12.915" v="4848"/>
        <pc:sldMkLst>
          <pc:docMk/>
          <pc:sldMk cId="1954516542" sldId="363"/>
        </pc:sldMkLst>
        <pc:spChg chg="add mod">
          <ac:chgData name="Ib Helmer Nielsen" userId="1d84c586-4ac4-4675-b33f-4966539925d6" providerId="ADAL" clId="{E12C101E-2E37-44C5-A33D-FCEEFD6B5181}" dt="2021-04-28T22:13:12.915" v="4848"/>
          <ac:spMkLst>
            <pc:docMk/>
            <pc:sldMk cId="1954516542" sldId="363"/>
            <ac:spMk id="2" creationId="{8B4A8A29-8A01-4BC8-9C25-EB39D9046DCD}"/>
          </ac:spMkLst>
        </pc:spChg>
        <pc:spChg chg="mod">
          <ac:chgData name="Ib Helmer Nielsen" userId="1d84c586-4ac4-4675-b33f-4966539925d6" providerId="ADAL" clId="{E12C101E-2E37-44C5-A33D-FCEEFD6B5181}" dt="2021-04-28T22:13:12.915" v="4848"/>
          <ac:spMkLst>
            <pc:docMk/>
            <pc:sldMk cId="1954516542" sldId="363"/>
            <ac:spMk id="4" creationId="{39AB23B2-801C-44FA-854A-D432628C52D7}"/>
          </ac:spMkLst>
        </pc:spChg>
        <pc:spChg chg="mod">
          <ac:chgData name="Ib Helmer Nielsen" userId="1d84c586-4ac4-4675-b33f-4966539925d6" providerId="ADAL" clId="{E12C101E-2E37-44C5-A33D-FCEEFD6B5181}" dt="2021-04-28T22:13:12.915" v="4848"/>
          <ac:spMkLst>
            <pc:docMk/>
            <pc:sldMk cId="1954516542" sldId="363"/>
            <ac:spMk id="5" creationId="{13C746A7-7840-44C5-8D2F-BED41C67A000}"/>
          </ac:spMkLst>
        </pc:spChg>
        <pc:spChg chg="mod">
          <ac:chgData name="Ib Helmer Nielsen" userId="1d84c586-4ac4-4675-b33f-4966539925d6" providerId="ADAL" clId="{E12C101E-2E37-44C5-A33D-FCEEFD6B5181}" dt="2021-04-28T22:13:12.915" v="4848"/>
          <ac:spMkLst>
            <pc:docMk/>
            <pc:sldMk cId="1954516542" sldId="363"/>
            <ac:spMk id="6" creationId="{1801BED8-2D45-4BBE-95E2-D20037DEFEB5}"/>
          </ac:spMkLst>
        </pc:spChg>
        <pc:spChg chg="del">
          <ac:chgData name="Ib Helmer Nielsen" userId="1d84c586-4ac4-4675-b33f-4966539925d6" providerId="ADAL" clId="{E12C101E-2E37-44C5-A33D-FCEEFD6B5181}" dt="2021-04-28T22:13:12.915" v="4848"/>
          <ac:spMkLst>
            <pc:docMk/>
            <pc:sldMk cId="1954516542" sldId="363"/>
            <ac:spMk id="7" creationId="{BE458050-D8CB-474F-BB6C-70973BBF8D1E}"/>
          </ac:spMkLst>
        </pc:spChg>
      </pc:sldChg>
      <pc:sldChg chg="modSp mod">
        <pc:chgData name="Ib Helmer Nielsen" userId="1d84c586-4ac4-4675-b33f-4966539925d6" providerId="ADAL" clId="{E12C101E-2E37-44C5-A33D-FCEEFD6B5181}" dt="2021-04-28T22:39:36.993" v="5315" actId="20577"/>
        <pc:sldMkLst>
          <pc:docMk/>
          <pc:sldMk cId="1175012073" sldId="366"/>
        </pc:sldMkLst>
        <pc:spChg chg="mod">
          <ac:chgData name="Ib Helmer Nielsen" userId="1d84c586-4ac4-4675-b33f-4966539925d6" providerId="ADAL" clId="{E12C101E-2E37-44C5-A33D-FCEEFD6B5181}" dt="2021-04-28T22:39:36.993" v="5315" actId="20577"/>
          <ac:spMkLst>
            <pc:docMk/>
            <pc:sldMk cId="1175012073" sldId="366"/>
            <ac:spMk id="2" creationId="{5749010E-AB0F-4037-93E2-DCC41A6C37D5}"/>
          </ac:spMkLst>
        </pc:spChg>
      </pc:sldChg>
      <pc:sldChg chg="addSp delSp modSp">
        <pc:chgData name="Ib Helmer Nielsen" userId="1d84c586-4ac4-4675-b33f-4966539925d6" providerId="ADAL" clId="{E12C101E-2E37-44C5-A33D-FCEEFD6B5181}" dt="2021-04-28T22:13:30" v="4850"/>
        <pc:sldMkLst>
          <pc:docMk/>
          <pc:sldMk cId="2664841737" sldId="367"/>
        </pc:sldMkLst>
        <pc:spChg chg="mod">
          <ac:chgData name="Ib Helmer Nielsen" userId="1d84c586-4ac4-4675-b33f-4966539925d6" providerId="ADAL" clId="{E12C101E-2E37-44C5-A33D-FCEEFD6B5181}" dt="2021-04-28T22:13:30" v="4850"/>
          <ac:spMkLst>
            <pc:docMk/>
            <pc:sldMk cId="2664841737" sldId="367"/>
            <ac:spMk id="2" creationId="{1F701ACD-A7BB-42A8-8442-0431DFEC28D4}"/>
          </ac:spMkLst>
        </pc:spChg>
        <pc:spChg chg="add del mod">
          <ac:chgData name="Ib Helmer Nielsen" userId="1d84c586-4ac4-4675-b33f-4966539925d6" providerId="ADAL" clId="{E12C101E-2E37-44C5-A33D-FCEEFD6B5181}" dt="2021-04-28T22:13:30" v="4850"/>
          <ac:spMkLst>
            <pc:docMk/>
            <pc:sldMk cId="2664841737" sldId="367"/>
            <ac:spMk id="3" creationId="{44E59A9C-5F56-4978-B17F-0C0BA16FEA23}"/>
          </ac:spMkLst>
        </pc:spChg>
        <pc:spChg chg="mod">
          <ac:chgData name="Ib Helmer Nielsen" userId="1d84c586-4ac4-4675-b33f-4966539925d6" providerId="ADAL" clId="{E12C101E-2E37-44C5-A33D-FCEEFD6B5181}" dt="2021-04-28T22:13:30" v="4850"/>
          <ac:spMkLst>
            <pc:docMk/>
            <pc:sldMk cId="2664841737" sldId="367"/>
            <ac:spMk id="4" creationId="{417CBE8E-3E2B-40A4-B3A1-4EA1FB183AD2}"/>
          </ac:spMkLst>
        </pc:spChg>
        <pc:spChg chg="mod">
          <ac:chgData name="Ib Helmer Nielsen" userId="1d84c586-4ac4-4675-b33f-4966539925d6" providerId="ADAL" clId="{E12C101E-2E37-44C5-A33D-FCEEFD6B5181}" dt="2021-04-28T22:13:30" v="4850"/>
          <ac:spMkLst>
            <pc:docMk/>
            <pc:sldMk cId="2664841737" sldId="367"/>
            <ac:spMk id="5" creationId="{950D15F8-2E6C-4BF9-BA3E-32AE4E93E083}"/>
          </ac:spMkLst>
        </pc:spChg>
        <pc:picChg chg="mod">
          <ac:chgData name="Ib Helmer Nielsen" userId="1d84c586-4ac4-4675-b33f-4966539925d6" providerId="ADAL" clId="{E12C101E-2E37-44C5-A33D-FCEEFD6B5181}" dt="2021-04-28T22:13:30" v="4850"/>
          <ac:picMkLst>
            <pc:docMk/>
            <pc:sldMk cId="2664841737" sldId="367"/>
            <ac:picMk id="6" creationId="{43886B13-506B-453A-9E7F-7A57EC6182F1}"/>
          </ac:picMkLst>
        </pc:picChg>
      </pc:sldChg>
      <pc:sldChg chg="addSp modSp new mod">
        <pc:chgData name="Ib Helmer Nielsen" userId="1d84c586-4ac4-4675-b33f-4966539925d6" providerId="ADAL" clId="{E12C101E-2E37-44C5-A33D-FCEEFD6B5181}" dt="2021-04-28T22:18:04.304" v="4898" actId="14861"/>
        <pc:sldMkLst>
          <pc:docMk/>
          <pc:sldMk cId="2294630456" sldId="368"/>
        </pc:sldMkLst>
        <pc:spChg chg="mod">
          <ac:chgData name="Ib Helmer Nielsen" userId="1d84c586-4ac4-4675-b33f-4966539925d6" providerId="ADAL" clId="{E12C101E-2E37-44C5-A33D-FCEEFD6B5181}" dt="2021-04-28T22:15:36.864" v="4868" actId="20577"/>
          <ac:spMkLst>
            <pc:docMk/>
            <pc:sldMk cId="2294630456" sldId="368"/>
            <ac:spMk id="2" creationId="{9AFC8AD4-BA30-4672-A8CE-6BFE58121E60}"/>
          </ac:spMkLst>
        </pc:spChg>
        <pc:spChg chg="mod">
          <ac:chgData name="Ib Helmer Nielsen" userId="1d84c586-4ac4-4675-b33f-4966539925d6" providerId="ADAL" clId="{E12C101E-2E37-44C5-A33D-FCEEFD6B5181}" dt="2021-04-28T22:16:33.270" v="4887" actId="20577"/>
          <ac:spMkLst>
            <pc:docMk/>
            <pc:sldMk cId="2294630456" sldId="368"/>
            <ac:spMk id="3" creationId="{D5104E18-230F-4D28-A0E1-272A8B279706}"/>
          </ac:spMkLst>
        </pc:spChg>
        <pc:picChg chg="add mod">
          <ac:chgData name="Ib Helmer Nielsen" userId="1d84c586-4ac4-4675-b33f-4966539925d6" providerId="ADAL" clId="{E12C101E-2E37-44C5-A33D-FCEEFD6B5181}" dt="2021-04-28T22:17:09.226" v="4891" actId="14861"/>
          <ac:picMkLst>
            <pc:docMk/>
            <pc:sldMk cId="2294630456" sldId="368"/>
            <ac:picMk id="6" creationId="{56D2C6D9-63AC-499B-B594-58CF0CE57E80}"/>
          </ac:picMkLst>
        </pc:picChg>
        <pc:picChg chg="add mod">
          <ac:chgData name="Ib Helmer Nielsen" userId="1d84c586-4ac4-4675-b33f-4966539925d6" providerId="ADAL" clId="{E12C101E-2E37-44C5-A33D-FCEEFD6B5181}" dt="2021-04-28T22:17:15.655" v="4893" actId="1076"/>
          <ac:picMkLst>
            <pc:docMk/>
            <pc:sldMk cId="2294630456" sldId="368"/>
            <ac:picMk id="7" creationId="{248CF312-202D-4FC2-9DCD-B2A3181851FC}"/>
          </ac:picMkLst>
        </pc:picChg>
        <pc:picChg chg="add mod">
          <ac:chgData name="Ib Helmer Nielsen" userId="1d84c586-4ac4-4675-b33f-4966539925d6" providerId="ADAL" clId="{E12C101E-2E37-44C5-A33D-FCEEFD6B5181}" dt="2021-04-28T22:18:04.304" v="4898" actId="14861"/>
          <ac:picMkLst>
            <pc:docMk/>
            <pc:sldMk cId="2294630456" sldId="368"/>
            <ac:picMk id="8" creationId="{F5891007-79F9-41A3-A0F8-F0C88AC68FFF}"/>
          </ac:picMkLst>
        </pc:picChg>
      </pc:sldChg>
      <pc:sldChg chg="modSp new mod">
        <pc:chgData name="Ib Helmer Nielsen" userId="1d84c586-4ac4-4675-b33f-4966539925d6" providerId="ADAL" clId="{E12C101E-2E37-44C5-A33D-FCEEFD6B5181}" dt="2021-04-28T22:32:33.165" v="5276" actId="6549"/>
        <pc:sldMkLst>
          <pc:docMk/>
          <pc:sldMk cId="872762144" sldId="369"/>
        </pc:sldMkLst>
        <pc:spChg chg="mod">
          <ac:chgData name="Ib Helmer Nielsen" userId="1d84c586-4ac4-4675-b33f-4966539925d6" providerId="ADAL" clId="{E12C101E-2E37-44C5-A33D-FCEEFD6B5181}" dt="2021-04-28T22:28:21.484" v="5186" actId="20577"/>
          <ac:spMkLst>
            <pc:docMk/>
            <pc:sldMk cId="872762144" sldId="369"/>
            <ac:spMk id="2" creationId="{24921112-AB41-4DE3-A6D1-A8C0DFBD3C17}"/>
          </ac:spMkLst>
        </pc:spChg>
        <pc:spChg chg="mod">
          <ac:chgData name="Ib Helmer Nielsen" userId="1d84c586-4ac4-4675-b33f-4966539925d6" providerId="ADAL" clId="{E12C101E-2E37-44C5-A33D-FCEEFD6B5181}" dt="2021-04-28T22:32:33.165" v="5276" actId="6549"/>
          <ac:spMkLst>
            <pc:docMk/>
            <pc:sldMk cId="872762144" sldId="369"/>
            <ac:spMk id="3" creationId="{FCC536F7-3D85-4401-AABC-241D5158AC4F}"/>
          </ac:spMkLst>
        </pc:spChg>
      </pc:sldChg>
      <pc:sldChg chg="addSp delSp modSp new mod">
        <pc:chgData name="Ib Helmer Nielsen" userId="1d84c586-4ac4-4675-b33f-4966539925d6" providerId="ADAL" clId="{E12C101E-2E37-44C5-A33D-FCEEFD6B5181}" dt="2021-04-28T22:36:26.124" v="5303" actId="14861"/>
        <pc:sldMkLst>
          <pc:docMk/>
          <pc:sldMk cId="782233481" sldId="370"/>
        </pc:sldMkLst>
        <pc:spChg chg="mod">
          <ac:chgData name="Ib Helmer Nielsen" userId="1d84c586-4ac4-4675-b33f-4966539925d6" providerId="ADAL" clId="{E12C101E-2E37-44C5-A33D-FCEEFD6B5181}" dt="2021-04-28T22:34:41.015" v="5289" actId="20577"/>
          <ac:spMkLst>
            <pc:docMk/>
            <pc:sldMk cId="782233481" sldId="370"/>
            <ac:spMk id="2" creationId="{7686B57B-E3B0-4E31-BDB5-8F9A6B435FEE}"/>
          </ac:spMkLst>
        </pc:spChg>
        <pc:spChg chg="del mod">
          <ac:chgData name="Ib Helmer Nielsen" userId="1d84c586-4ac4-4675-b33f-4966539925d6" providerId="ADAL" clId="{E12C101E-2E37-44C5-A33D-FCEEFD6B5181}" dt="2021-04-28T22:34:57.734" v="5293"/>
          <ac:spMkLst>
            <pc:docMk/>
            <pc:sldMk cId="782233481" sldId="370"/>
            <ac:spMk id="3" creationId="{48378537-2C9D-4A1C-AA81-09EBC903C62E}"/>
          </ac:spMkLst>
        </pc:spChg>
        <pc:picChg chg="add mod">
          <ac:chgData name="Ib Helmer Nielsen" userId="1d84c586-4ac4-4675-b33f-4966539925d6" providerId="ADAL" clId="{E12C101E-2E37-44C5-A33D-FCEEFD6B5181}" dt="2021-04-28T22:35:18.124" v="5297" actId="14861"/>
          <ac:picMkLst>
            <pc:docMk/>
            <pc:sldMk cId="782233481" sldId="370"/>
            <ac:picMk id="6" creationId="{19FD412D-EEB3-4651-8D99-F210F62CFEDF}"/>
          </ac:picMkLst>
        </pc:picChg>
        <pc:picChg chg="add mod">
          <ac:chgData name="Ib Helmer Nielsen" userId="1d84c586-4ac4-4675-b33f-4966539925d6" providerId="ADAL" clId="{E12C101E-2E37-44C5-A33D-FCEEFD6B5181}" dt="2021-04-28T22:36:26.124" v="5303" actId="14861"/>
          <ac:picMkLst>
            <pc:docMk/>
            <pc:sldMk cId="782233481" sldId="370"/>
            <ac:picMk id="7" creationId="{611D94BB-3FEF-4B9B-BA11-809FE3B49F9E}"/>
          </ac:picMkLst>
        </pc:picChg>
      </pc:sldChg>
      <pc:sldChg chg="new del">
        <pc:chgData name="Ib Helmer Nielsen" userId="1d84c586-4ac4-4675-b33f-4966539925d6" providerId="ADAL" clId="{E12C101E-2E37-44C5-A33D-FCEEFD6B5181}" dt="2021-04-28T22:39:08.931" v="5308" actId="47"/>
        <pc:sldMkLst>
          <pc:docMk/>
          <pc:sldMk cId="108575718" sldId="371"/>
        </pc:sldMkLst>
      </pc:sldChg>
      <pc:sldChg chg="addSp delSp modSp del">
        <pc:chgData name="Ib Helmer Nielsen" userId="1d84c586-4ac4-4675-b33f-4966539925d6" providerId="ADAL" clId="{E12C101E-2E37-44C5-A33D-FCEEFD6B5181}" dt="2021-04-28T22:38:22.770" v="5306" actId="2696"/>
        <pc:sldMkLst>
          <pc:docMk/>
          <pc:sldMk cId="2247114270" sldId="372"/>
        </pc:sldMkLst>
        <pc:spChg chg="add mod">
          <ac:chgData name="Ib Helmer Nielsen" userId="1d84c586-4ac4-4675-b33f-4966539925d6" providerId="ADAL" clId="{E12C101E-2E37-44C5-A33D-FCEEFD6B5181}" dt="2021-04-28T22:37:59.450" v="5305"/>
          <ac:spMkLst>
            <pc:docMk/>
            <pc:sldMk cId="2247114270" sldId="372"/>
            <ac:spMk id="2" creationId="{DA080040-90F1-4DE1-BFAE-0FAE887788B0}"/>
          </ac:spMkLst>
        </pc:spChg>
        <pc:spChg chg="mod">
          <ac:chgData name="Ib Helmer Nielsen" userId="1d84c586-4ac4-4675-b33f-4966539925d6" providerId="ADAL" clId="{E12C101E-2E37-44C5-A33D-FCEEFD6B5181}" dt="2021-04-28T22:37:59.450" v="5305"/>
          <ac:spMkLst>
            <pc:docMk/>
            <pc:sldMk cId="2247114270" sldId="372"/>
            <ac:spMk id="4" creationId="{A2E9A88A-6157-4ADF-83C3-C77520C5B7C7}"/>
          </ac:spMkLst>
        </pc:spChg>
        <pc:spChg chg="mod">
          <ac:chgData name="Ib Helmer Nielsen" userId="1d84c586-4ac4-4675-b33f-4966539925d6" providerId="ADAL" clId="{E12C101E-2E37-44C5-A33D-FCEEFD6B5181}" dt="2021-04-28T22:37:59.450" v="5305"/>
          <ac:spMkLst>
            <pc:docMk/>
            <pc:sldMk cId="2247114270" sldId="372"/>
            <ac:spMk id="5" creationId="{D7821945-51EA-4279-B019-85C1EEB4C8C8}"/>
          </ac:spMkLst>
        </pc:spChg>
        <pc:spChg chg="mod">
          <ac:chgData name="Ib Helmer Nielsen" userId="1d84c586-4ac4-4675-b33f-4966539925d6" providerId="ADAL" clId="{E12C101E-2E37-44C5-A33D-FCEEFD6B5181}" dt="2021-04-28T22:37:59.450" v="5305"/>
          <ac:spMkLst>
            <pc:docMk/>
            <pc:sldMk cId="2247114270" sldId="372"/>
            <ac:spMk id="6" creationId="{9EE1CD6F-7D65-4FB7-9299-BF07171BDB78}"/>
          </ac:spMkLst>
        </pc:spChg>
        <pc:spChg chg="del">
          <ac:chgData name="Ib Helmer Nielsen" userId="1d84c586-4ac4-4675-b33f-4966539925d6" providerId="ADAL" clId="{E12C101E-2E37-44C5-A33D-FCEEFD6B5181}" dt="2021-04-28T22:37:59.450" v="5305"/>
          <ac:spMkLst>
            <pc:docMk/>
            <pc:sldMk cId="2247114270" sldId="372"/>
            <ac:spMk id="7" creationId="{6F532A92-5CB3-4B84-87B2-1127658DDC6A}"/>
          </ac:spMkLst>
        </pc:spChg>
      </pc:sldChg>
      <pc:sldChg chg="del">
        <pc:chgData name="Ib Helmer Nielsen" userId="1d84c586-4ac4-4675-b33f-4966539925d6" providerId="ADAL" clId="{E12C101E-2E37-44C5-A33D-FCEEFD6B5181}" dt="2021-04-28T22:38:22.770" v="5306" actId="2696"/>
        <pc:sldMkLst>
          <pc:docMk/>
          <pc:sldMk cId="1644115052" sldId="373"/>
        </pc:sldMkLst>
      </pc:sldChg>
      <pc:sldChg chg="del">
        <pc:chgData name="Ib Helmer Nielsen" userId="1d84c586-4ac4-4675-b33f-4966539925d6" providerId="ADAL" clId="{E12C101E-2E37-44C5-A33D-FCEEFD6B5181}" dt="2021-04-28T22:38:22.770" v="5306" actId="2696"/>
        <pc:sldMkLst>
          <pc:docMk/>
          <pc:sldMk cId="3557168627" sldId="374"/>
        </pc:sldMkLst>
      </pc:sldChg>
      <pc:sldChg chg="del">
        <pc:chgData name="Ib Helmer Nielsen" userId="1d84c586-4ac4-4675-b33f-4966539925d6" providerId="ADAL" clId="{E12C101E-2E37-44C5-A33D-FCEEFD6B5181}" dt="2021-04-28T22:38:42.887" v="5307" actId="47"/>
        <pc:sldMkLst>
          <pc:docMk/>
          <pc:sldMk cId="1753744379" sldId="375"/>
        </pc:sldMkLst>
      </pc:sldChg>
      <pc:sldChg chg="del">
        <pc:chgData name="Ib Helmer Nielsen" userId="1d84c586-4ac4-4675-b33f-4966539925d6" providerId="ADAL" clId="{E12C101E-2E37-44C5-A33D-FCEEFD6B5181}" dt="2021-04-28T22:38:22.770" v="5306" actId="2696"/>
        <pc:sldMkLst>
          <pc:docMk/>
          <pc:sldMk cId="3513879451" sldId="375"/>
        </pc:sldMkLst>
      </pc:sldChg>
      <pc:sldChg chg="modSp">
        <pc:chgData name="Ib Helmer Nielsen" userId="1d84c586-4ac4-4675-b33f-4966539925d6" providerId="ADAL" clId="{E12C101E-2E37-44C5-A33D-FCEEFD6B5181}" dt="2021-04-28T22:39:18.887" v="5309"/>
        <pc:sldMkLst>
          <pc:docMk/>
          <pc:sldMk cId="4006171091" sldId="375"/>
        </pc:sldMkLst>
        <pc:spChg chg="mod">
          <ac:chgData name="Ib Helmer Nielsen" userId="1d84c586-4ac4-4675-b33f-4966539925d6" providerId="ADAL" clId="{E12C101E-2E37-44C5-A33D-FCEEFD6B5181}" dt="2021-04-28T22:39:18.887" v="5309"/>
          <ac:spMkLst>
            <pc:docMk/>
            <pc:sldMk cId="4006171091" sldId="375"/>
            <ac:spMk id="4" creationId="{15D53811-81FA-419E-B2AD-BCEB9A2CAD18}"/>
          </ac:spMkLst>
        </pc:spChg>
        <pc:spChg chg="mod">
          <ac:chgData name="Ib Helmer Nielsen" userId="1d84c586-4ac4-4675-b33f-4966539925d6" providerId="ADAL" clId="{E12C101E-2E37-44C5-A33D-FCEEFD6B5181}" dt="2021-04-28T22:39:18.887" v="5309"/>
          <ac:spMkLst>
            <pc:docMk/>
            <pc:sldMk cId="4006171091" sldId="375"/>
            <ac:spMk id="5" creationId="{A3CD2FF7-3DBC-4FEA-8899-ECBD6305EF4C}"/>
          </ac:spMkLst>
        </pc:spChg>
        <pc:spChg chg="mod">
          <ac:chgData name="Ib Helmer Nielsen" userId="1d84c586-4ac4-4675-b33f-4966539925d6" providerId="ADAL" clId="{E12C101E-2E37-44C5-A33D-FCEEFD6B5181}" dt="2021-04-28T22:39:18.887" v="5309"/>
          <ac:spMkLst>
            <pc:docMk/>
            <pc:sldMk cId="4006171091" sldId="375"/>
            <ac:spMk id="6" creationId="{772C9345-9ADB-4217-8CD5-85DA63977446}"/>
          </ac:spMkLst>
        </pc:spChg>
        <pc:spChg chg="mod">
          <ac:chgData name="Ib Helmer Nielsen" userId="1d84c586-4ac4-4675-b33f-4966539925d6" providerId="ADAL" clId="{E12C101E-2E37-44C5-A33D-FCEEFD6B5181}" dt="2021-04-28T22:39:18.887" v="5309"/>
          <ac:spMkLst>
            <pc:docMk/>
            <pc:sldMk cId="4006171091" sldId="375"/>
            <ac:spMk id="7" creationId="{D47BABC5-4731-4D9D-966D-EEC8BCD2BD12}"/>
          </ac:spMkLst>
        </pc:spChg>
      </pc:sldChg>
      <pc:sldChg chg="modSp mod">
        <pc:chgData name="Ib Helmer Nielsen" userId="1d84c586-4ac4-4675-b33f-4966539925d6" providerId="ADAL" clId="{E12C101E-2E37-44C5-A33D-FCEEFD6B5181}" dt="2021-04-28T22:40:06.039" v="5347" actId="6549"/>
        <pc:sldMkLst>
          <pc:docMk/>
          <pc:sldMk cId="1980530464" sldId="377"/>
        </pc:sldMkLst>
        <pc:spChg chg="mod">
          <ac:chgData name="Ib Helmer Nielsen" userId="1d84c586-4ac4-4675-b33f-4966539925d6" providerId="ADAL" clId="{E12C101E-2E37-44C5-A33D-FCEEFD6B5181}" dt="2021-04-28T22:40:06.039" v="5347" actId="6549"/>
          <ac:spMkLst>
            <pc:docMk/>
            <pc:sldMk cId="1980530464" sldId="377"/>
            <ac:spMk id="2" creationId="{A9EDB659-A8A5-4F02-85E5-5CC5DCBB5483}"/>
          </ac:spMkLst>
        </pc:spChg>
      </pc:sldChg>
      <pc:sldChg chg="modSp mod">
        <pc:chgData name="Ib Helmer Nielsen" userId="1d84c586-4ac4-4675-b33f-4966539925d6" providerId="ADAL" clId="{E12C101E-2E37-44C5-A33D-FCEEFD6B5181}" dt="2021-04-28T22:40:45.894" v="5367" actId="6549"/>
        <pc:sldMkLst>
          <pc:docMk/>
          <pc:sldMk cId="3068902926" sldId="378"/>
        </pc:sldMkLst>
        <pc:spChg chg="mod">
          <ac:chgData name="Ib Helmer Nielsen" userId="1d84c586-4ac4-4675-b33f-4966539925d6" providerId="ADAL" clId="{E12C101E-2E37-44C5-A33D-FCEEFD6B5181}" dt="2021-04-28T22:40:45.894" v="5367" actId="6549"/>
          <ac:spMkLst>
            <pc:docMk/>
            <pc:sldMk cId="3068902926" sldId="378"/>
            <ac:spMk id="2" creationId="{C9C40736-559E-4651-8997-0ED7ED4F86E3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8/04/2021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28/04/2021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9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11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emf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3" Type="http://schemas.openxmlformats.org/officeDocument/2006/relationships/image" Target="../media/image15.png"/><Relationship Id="rId7" Type="http://schemas.openxmlformats.org/officeDocument/2006/relationships/image" Target="../media/image19.pn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slide ver.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ggrund">
            <a:extLst>
              <a:ext uri="{FF2B5EF4-FFF2-40B4-BE49-F238E27FC236}">
                <a16:creationId xmlns:a16="http://schemas.microsoft.com/office/drawing/2014/main" id="{39D80BA3-F837-4FC8-842F-A32F621701A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6" name="Grafik">
            <a:extLst>
              <a:ext uri="{FF2B5EF4-FFF2-40B4-BE49-F238E27FC236}">
                <a16:creationId xmlns:a16="http://schemas.microsoft.com/office/drawing/2014/main" id="{C738E4FA-A143-41DB-99FC-A25CFF4A81E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0"/>
            <a:ext cx="12196800" cy="686738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2399" y="2184850"/>
            <a:ext cx="8568000" cy="1136327"/>
          </a:xfrm>
        </p:spPr>
        <p:txBody>
          <a:bodyPr anchor="b"/>
          <a:lstStyle>
            <a:lvl1pPr algn="l">
              <a:lnSpc>
                <a:spcPct val="87000"/>
              </a:lnSpc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da-DK" noProof="0" dirty="0"/>
              <a:t>Klik for at indsætte titel</a:t>
            </a:r>
            <a:endParaRPr lang="da-DK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2399" y="3468046"/>
            <a:ext cx="8568000" cy="875354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r>
              <a:rPr lang="da-DK" dirty="0"/>
              <a:t>2</a:t>
            </a:r>
            <a:endParaRPr lang="da-DK"/>
          </a:p>
          <a:p>
            <a:pPr lvl="2"/>
            <a:r>
              <a:rPr lang="da-DK" dirty="0"/>
              <a:t>3</a:t>
            </a:r>
            <a:endParaRPr lang="da-DK"/>
          </a:p>
          <a:p>
            <a:pPr lvl="3"/>
            <a:endParaRPr lang="da-DK" dirty="0"/>
          </a:p>
        </p:txBody>
      </p:sp>
      <p:sp>
        <p:nvSpPr>
          <p:cNvPr id="11" name="text" descr="{&quot;templafy&quot;:{&quot;id&quot;:&quot;377e1c9f-bb91-43f0-9e00-cd24b57cc321&quot;}}" title="UserProfile.Street.Department_{{DocumentLanguage}}">
            <a:extLst>
              <a:ext uri="{FF2B5EF4-FFF2-40B4-BE49-F238E27FC236}">
                <a16:creationId xmlns:a16="http://schemas.microsoft.com/office/drawing/2014/main" id="{F4A62D02-9CEE-4C61-8ED1-E2CEC694FA5F}"/>
              </a:ext>
            </a:extLst>
          </p:cNvPr>
          <p:cNvSpPr/>
          <p:nvPr userDrawn="1"/>
        </p:nvSpPr>
        <p:spPr>
          <a:xfrm>
            <a:off x="6110859" y="6162345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/>
              <a:t>IT-uddannelserne</a:t>
            </a:r>
          </a:p>
        </p:txBody>
      </p:sp>
      <p:sp>
        <p:nvSpPr>
          <p:cNvPr id="13" name="name" descr="{&quot;templafy&quot;:{&quot;id&quot;:&quot;3291bf76-0796-4a76-b0ab-5bfc787d4db0&quot;}}" title="UserProfile.Name">
            <a:extLst>
              <a:ext uri="{FF2B5EF4-FFF2-40B4-BE49-F238E27FC236}">
                <a16:creationId xmlns:a16="http://schemas.microsoft.com/office/drawing/2014/main" id="{E45729F4-332E-4A76-ABB0-7FCBF3868006}"/>
              </a:ext>
            </a:extLst>
          </p:cNvPr>
          <p:cNvSpPr/>
          <p:nvPr userDrawn="1"/>
        </p:nvSpPr>
        <p:spPr>
          <a:xfrm>
            <a:off x="6110859" y="6016601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0" noProof="0" dirty="0"/>
              <a:t>Ib Helmer Nielsen</a:t>
            </a:r>
          </a:p>
        </p:txBody>
      </p:sp>
      <p:sp>
        <p:nvSpPr>
          <p:cNvPr id="15" name="date" descr="{&quot;templafy&quot;:{&quot;id&quot;:&quot;4b1a12bd-4f6a-4100-8cb4-edebe4ed1146&quot;}}" title="Form.Date">
            <a:extLst>
              <a:ext uri="{FF2B5EF4-FFF2-40B4-BE49-F238E27FC236}">
                <a16:creationId xmlns:a16="http://schemas.microsoft.com/office/drawing/2014/main" id="{348815CD-58ED-4682-86DD-E7001C44AB80}"/>
              </a:ext>
            </a:extLst>
          </p:cNvPr>
          <p:cNvSpPr/>
          <p:nvPr userDrawn="1"/>
        </p:nvSpPr>
        <p:spPr>
          <a:xfrm>
            <a:off x="6110859" y="5870428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0" dirty="0"/>
              <a:t>19. oktober 2020</a:t>
            </a:r>
          </a:p>
        </p:txBody>
      </p:sp>
      <p:pic>
        <p:nvPicPr>
          <p:cNvPr id="674632534" name="image" descr="{&quot;templafy&quot;:{&quot;id&quot;:&quot;eb5bb207-b0dd-48af-8c47-f7ee4debe53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896800"/>
            <a:ext cx="2515790" cy="392400"/>
          </a:xfrm>
          <a:prstGeom prst="rect">
            <a:avLst/>
          </a:prstGeom>
        </p:spPr>
      </p:pic>
      <p:sp>
        <p:nvSpPr>
          <p:cNvPr id="16" name="Date Placeholder 3" hidden="1">
            <a:extLst>
              <a:ext uri="{FF2B5EF4-FFF2-40B4-BE49-F238E27FC236}">
                <a16:creationId xmlns:a16="http://schemas.microsoft.com/office/drawing/2014/main" id="{7AEEEBB1-3A26-4EB0-A9B0-CE0EE342F4E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7" name="Footer Placeholder 4" hidden="1">
            <a:extLst>
              <a:ext uri="{FF2B5EF4-FFF2-40B4-BE49-F238E27FC236}">
                <a16:creationId xmlns:a16="http://schemas.microsoft.com/office/drawing/2014/main" id="{E97B93D8-FB04-4078-95B9-5AAF5D736A4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8" name="Slide Number Placeholder 5" hidden="1">
            <a:extLst>
              <a:ext uri="{FF2B5EF4-FFF2-40B4-BE49-F238E27FC236}">
                <a16:creationId xmlns:a16="http://schemas.microsoft.com/office/drawing/2014/main" id="{088DDF81-8C54-4915-8516-F84C9DBB77D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sobjekt og bille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ggrund">
            <a:extLst>
              <a:ext uri="{FF2B5EF4-FFF2-40B4-BE49-F238E27FC236}">
                <a16:creationId xmlns:a16="http://schemas.microsoft.com/office/drawing/2014/main" id="{0A218D75-E068-4B99-BA3D-B9646F2C76DC}"/>
              </a:ext>
            </a:extLst>
          </p:cNvPr>
          <p:cNvSpPr/>
          <p:nvPr userDrawn="1"/>
        </p:nvSpPr>
        <p:spPr>
          <a:xfrm>
            <a:off x="8126728" y="0"/>
            <a:ext cx="4066472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2399" y="540000"/>
            <a:ext cx="6981197" cy="910800"/>
          </a:xfrm>
        </p:spPr>
        <p:txBody>
          <a:bodyPr/>
          <a:lstStyle/>
          <a:p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14" name="Content Placeholder 6">
            <a:extLst>
              <a:ext uri="{FF2B5EF4-FFF2-40B4-BE49-F238E27FC236}">
                <a16:creationId xmlns:a16="http://schemas.microsoft.com/office/drawing/2014/main" id="{7D039E4C-0343-46E8-B632-6DFF92FBF493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572400" y="1659599"/>
            <a:ext cx="6980400" cy="4053600"/>
          </a:xfrm>
        </p:spPr>
        <p:txBody>
          <a:bodyPr/>
          <a:lstStyle/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668E8CF5-C426-4878-8555-FDCEE19AE4A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126728" y="0"/>
            <a:ext cx="4065271" cy="3330000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da-DK" noProof="0" dirty="0"/>
              <a:t>Klik på billederammen for at indsætte et billede – via Templafy</a:t>
            </a:r>
            <a:endParaRPr lang="da-DK"/>
          </a:p>
        </p:txBody>
      </p:sp>
      <p:sp>
        <p:nvSpPr>
          <p:cNvPr id="12" name="Picture Placeholder 3">
            <a:extLst>
              <a:ext uri="{FF2B5EF4-FFF2-40B4-BE49-F238E27FC236}">
                <a16:creationId xmlns:a16="http://schemas.microsoft.com/office/drawing/2014/main" id="{0831D1B0-2EB9-4259-9881-1A02A17A47DC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26728" y="3528000"/>
            <a:ext cx="4068000" cy="3330000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da-DK" noProof="0" dirty="0"/>
              <a:t>Klik på billederammen for at indsætte et billede – via Templafy</a:t>
            </a:r>
            <a:endParaRPr lang="da-DK"/>
          </a:p>
        </p:txBody>
      </p:sp>
      <p:sp>
        <p:nvSpPr>
          <p:cNvPr id="10" name="Pladsholder til dato 9" hidden="1">
            <a:extLst>
              <a:ext uri="{FF2B5EF4-FFF2-40B4-BE49-F238E27FC236}">
                <a16:creationId xmlns:a16="http://schemas.microsoft.com/office/drawing/2014/main" id="{E9F8A340-7912-4801-ADDA-05CD247481D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idefod 10" hidden="1">
            <a:extLst>
              <a:ext uri="{FF2B5EF4-FFF2-40B4-BE49-F238E27FC236}">
                <a16:creationId xmlns:a16="http://schemas.microsoft.com/office/drawing/2014/main" id="{415B08A8-3CF3-4764-AC7A-99117B6A9E3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5" hidden="1">
            <a:extLst>
              <a:ext uri="{FF2B5EF4-FFF2-40B4-BE49-F238E27FC236}">
                <a16:creationId xmlns:a16="http://schemas.microsoft.com/office/drawing/2014/main" id="{A95924F4-80A1-4BC1-BE8B-D009E557035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1099973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ammenlig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572399" y="540000"/>
            <a:ext cx="11048400" cy="910800"/>
          </a:xfrm>
        </p:spPr>
        <p:txBody>
          <a:bodyPr/>
          <a:lstStyle/>
          <a:p>
            <a:r>
              <a:rPr lang="da-DK" noProof="0" dirty="0"/>
              <a:t>Klik for at indsætte titel</a:t>
            </a:r>
            <a:endParaRPr lang="da-DK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 hasCustomPrompt="1"/>
          </p:nvPr>
        </p:nvSpPr>
        <p:spPr>
          <a:xfrm>
            <a:off x="572399" y="1659600"/>
            <a:ext cx="5328000" cy="720000"/>
          </a:xfrm>
        </p:spPr>
        <p:txBody>
          <a:bodyPr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 noProof="0" dirty="0"/>
              <a:t>Klik for at indsætte underoverskrift</a:t>
            </a:r>
            <a:endParaRPr lang="da-DK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 hasCustomPrompt="1"/>
          </p:nvPr>
        </p:nvSpPr>
        <p:spPr>
          <a:xfrm>
            <a:off x="6291603" y="1659600"/>
            <a:ext cx="5328000" cy="720000"/>
          </a:xfrm>
        </p:spPr>
        <p:txBody>
          <a:bodyPr anchor="t" anchorCtr="0"/>
          <a:lstStyle>
            <a:lvl1pPr marL="0" indent="0">
              <a:spcBef>
                <a:spcPts val="0"/>
              </a:spcBef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 noProof="0" dirty="0"/>
              <a:t>Klik for at indsætte underoverskrift</a:t>
            </a:r>
            <a:endParaRPr lang="da-DK" dirty="0"/>
          </a:p>
        </p:txBody>
      </p:sp>
      <p:sp>
        <p:nvSpPr>
          <p:cNvPr id="11" name="Content Placeholder 6">
            <a:extLst>
              <a:ext uri="{FF2B5EF4-FFF2-40B4-BE49-F238E27FC236}">
                <a16:creationId xmlns:a16="http://schemas.microsoft.com/office/drawing/2014/main" id="{AC3481D0-7AAF-47B5-958C-36320CF6F48E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72400" y="2471351"/>
            <a:ext cx="5324400" cy="3243600"/>
          </a:xfrm>
        </p:spPr>
        <p:txBody>
          <a:bodyPr/>
          <a:lstStyle/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Content Placeholder 6">
            <a:extLst>
              <a:ext uri="{FF2B5EF4-FFF2-40B4-BE49-F238E27FC236}">
                <a16:creationId xmlns:a16="http://schemas.microsoft.com/office/drawing/2014/main" id="{E20E3B41-8389-4DF2-929E-A1109467437A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95203" y="2471351"/>
            <a:ext cx="5324400" cy="3243600"/>
          </a:xfrm>
        </p:spPr>
        <p:txBody>
          <a:bodyPr/>
          <a:lstStyle/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A618612-A7DD-4BF7-8D55-B8B8B96AC00A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1A647F5-A87B-4780-ACBA-A815C9972B24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5EFB6B25-5517-47BA-9544-F65DF9D91BB3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2257490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med bille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D13D6A2-A4E2-440E-827A-F71D64B8342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71500" y="539750"/>
            <a:ext cx="4104000" cy="5173200"/>
          </a:xfrm>
        </p:spPr>
        <p:txBody>
          <a:bodyPr/>
          <a:lstStyle/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3DCF248-BF34-4B80-A673-90C35961A3AA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39019E-F53B-452F-A69F-F21A31A62E8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ED62657-E751-4424-BDAB-9DA02431174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B6584BF8-BA6F-4A38-A157-52D819437F39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75238" y="539750"/>
            <a:ext cx="6543675" cy="5172075"/>
          </a:xfrm>
        </p:spPr>
        <p:txBody>
          <a:bodyPr/>
          <a:lstStyle/>
          <a:p>
            <a:pPr lvl="0"/>
            <a:r>
              <a:rPr lang="da-DK" dirty="0"/>
              <a:t>Klik for at redigere teksttypografierne i masteren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5400000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da-DK" noProof="0" dirty="0"/>
              <a:t>Klik på billederammen for at indsætte et billede – via Templafy</a:t>
            </a:r>
            <a:endParaRPr lang="da-DK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C7695C0F-015E-4651-B576-4F0ED589BA5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572400" y="3833699"/>
            <a:ext cx="2490840" cy="1003801"/>
          </a:xfrm>
          <a:solidFill>
            <a:schemeClr val="accent1"/>
          </a:solidFill>
        </p:spPr>
        <p:txBody>
          <a:bodyPr lIns="252000" tIns="252000" rIns="252000" bIns="252000" anchor="b" anchorCtr="0">
            <a:spAutoFit/>
          </a:bodyPr>
          <a:lstStyle>
            <a:lvl1pPr marL="0" indent="0">
              <a:lnSpc>
                <a:spcPct val="104000"/>
              </a:lnSpc>
              <a:spcAft>
                <a:spcPts val="0"/>
              </a:spcAft>
              <a:buFontTx/>
              <a:buNone/>
              <a:defRPr sz="1600">
                <a:solidFill>
                  <a:schemeClr val="bg1"/>
                </a:solidFill>
              </a:defRPr>
            </a:lvl1pPr>
            <a:lvl2pPr marL="360000" indent="0">
              <a:buNone/>
              <a:defRPr sz="1600">
                <a:solidFill>
                  <a:schemeClr val="bg1"/>
                </a:solidFill>
              </a:defRPr>
            </a:lvl2pPr>
            <a:lvl3pPr>
              <a:defRPr sz="1400">
                <a:solidFill>
                  <a:schemeClr val="bg1"/>
                </a:solidFill>
              </a:defRPr>
            </a:lvl3pPr>
            <a:lvl4pPr>
              <a:defRPr sz="1200">
                <a:solidFill>
                  <a:schemeClr val="bg1"/>
                </a:solidFill>
              </a:defRPr>
            </a:lvl4pPr>
            <a:lvl5pPr>
              <a:defRPr sz="1000"/>
            </a:lvl5pPr>
          </a:lstStyle>
          <a:p>
            <a:pPr lvl="0"/>
            <a:r>
              <a:rPr lang="da-DK" dirty="0"/>
              <a:t>Klik for at indsætte titel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89C766A-7CA5-4F7D-B7C8-B0E6121DFE56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BB922B3-B0ED-4B9F-8F6B-CB243B1D03C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D9C6BECA-5F92-41F9-ACF1-0ACDE4EE0CF8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8537079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ggr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3" name="Citat tegn">
            <a:extLst>
              <a:ext uri="{FF2B5EF4-FFF2-40B4-BE49-F238E27FC236}">
                <a16:creationId xmlns:a16="http://schemas.microsoft.com/office/drawing/2014/main" id="{3C6CD8A6-79D8-40B1-9974-FB9D3ED05BF4}"/>
              </a:ext>
            </a:extLst>
          </p:cNvPr>
          <p:cNvSpPr txBox="1"/>
          <p:nvPr userDrawn="1"/>
        </p:nvSpPr>
        <p:spPr>
          <a:xfrm rot="10800000">
            <a:off x="578174" y="576471"/>
            <a:ext cx="803797" cy="743397"/>
          </a:xfrm>
          <a:custGeom>
            <a:avLst/>
            <a:gdLst/>
            <a:ahLst/>
            <a:cxnLst/>
            <a:rect l="l" t="t" r="r" b="b"/>
            <a:pathLst>
              <a:path w="803797" h="743397">
                <a:moveTo>
                  <a:pt x="68144" y="743396"/>
                </a:moveTo>
                <a:lnTo>
                  <a:pt x="0" y="633436"/>
                </a:lnTo>
                <a:cubicBezTo>
                  <a:pt x="55754" y="610721"/>
                  <a:pt x="97312" y="574842"/>
                  <a:pt x="124673" y="525798"/>
                </a:cubicBezTo>
                <a:cubicBezTo>
                  <a:pt x="152035" y="476755"/>
                  <a:pt x="167264" y="409384"/>
                  <a:pt x="170361" y="323687"/>
                </a:cubicBezTo>
                <a:lnTo>
                  <a:pt x="24779" y="323687"/>
                </a:lnTo>
                <a:lnTo>
                  <a:pt x="24779" y="0"/>
                </a:lnTo>
                <a:lnTo>
                  <a:pt x="323687" y="0"/>
                </a:lnTo>
                <a:lnTo>
                  <a:pt x="323687" y="255542"/>
                </a:lnTo>
                <a:cubicBezTo>
                  <a:pt x="323687" y="393897"/>
                  <a:pt x="307683" y="493533"/>
                  <a:pt x="275676" y="554450"/>
                </a:cubicBezTo>
                <a:cubicBezTo>
                  <a:pt x="231278" y="638082"/>
                  <a:pt x="162101" y="701064"/>
                  <a:pt x="68144" y="743396"/>
                </a:cubicBezTo>
                <a:close/>
                <a:moveTo>
                  <a:pt x="548255" y="743397"/>
                </a:moveTo>
                <a:lnTo>
                  <a:pt x="480110" y="633436"/>
                </a:lnTo>
                <a:cubicBezTo>
                  <a:pt x="535865" y="610721"/>
                  <a:pt x="577423" y="574842"/>
                  <a:pt x="604784" y="525798"/>
                </a:cubicBezTo>
                <a:cubicBezTo>
                  <a:pt x="632145" y="476755"/>
                  <a:pt x="647374" y="409385"/>
                  <a:pt x="650472" y="323687"/>
                </a:cubicBezTo>
                <a:lnTo>
                  <a:pt x="504890" y="323687"/>
                </a:lnTo>
                <a:lnTo>
                  <a:pt x="504890" y="0"/>
                </a:lnTo>
                <a:lnTo>
                  <a:pt x="803797" y="0"/>
                </a:lnTo>
                <a:lnTo>
                  <a:pt x="803797" y="255543"/>
                </a:lnTo>
                <a:cubicBezTo>
                  <a:pt x="803797" y="393897"/>
                  <a:pt x="787793" y="493533"/>
                  <a:pt x="755786" y="554450"/>
                </a:cubicBezTo>
                <a:cubicBezTo>
                  <a:pt x="711389" y="638082"/>
                  <a:pt x="642212" y="701064"/>
                  <a:pt x="548255" y="743397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indent="0" algn="l">
              <a:lnSpc>
                <a:spcPct val="95000"/>
              </a:lnSpc>
              <a:spcAft>
                <a:spcPts val="1417"/>
              </a:spcAft>
              <a:buClr>
                <a:schemeClr val="tx2"/>
              </a:buClr>
              <a:buFont typeface="Verdana" panose="020B0604030504040204" pitchFamily="34" charset="0"/>
              <a:buNone/>
            </a:pPr>
            <a:endParaRPr lang="da-DK" sz="25000" dirty="0">
              <a:solidFill>
                <a:schemeClr val="accent2"/>
              </a:solidFill>
            </a:endParaRPr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07B8917B-F19F-4202-A0E4-A0FDB37265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97050" y="800418"/>
            <a:ext cx="8352000" cy="4911407"/>
          </a:xfrm>
        </p:spPr>
        <p:txBody>
          <a:bodyPr/>
          <a:lstStyle>
            <a:lvl1pPr marL="0" indent="0">
              <a:lnSpc>
                <a:spcPct val="92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3600" b="1">
                <a:solidFill>
                  <a:schemeClr val="accent3"/>
                </a:solidFill>
              </a:defRPr>
            </a:lvl1pPr>
            <a:lvl2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2"/>
                </a:solidFill>
              </a:defRPr>
            </a:lvl2pPr>
            <a:lvl3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2"/>
                </a:solidFill>
              </a:defRPr>
            </a:lvl3pPr>
            <a:lvl4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2"/>
                </a:solidFill>
              </a:defRPr>
            </a:lvl4pPr>
            <a:lvl5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2"/>
                </a:solidFill>
              </a:defRPr>
            </a:lvl5pPr>
          </a:lstStyle>
          <a:p>
            <a:pPr lvl="0"/>
            <a:r>
              <a:rPr lang="da-DK" dirty="0"/>
              <a:t>Klik og indsæt tekst</a:t>
            </a:r>
            <a:br>
              <a:rPr lang="da-DK" dirty="0"/>
            </a:br>
            <a:r>
              <a:rPr lang="da-DK" dirty="0"/>
              <a:t>Klik ENTER og TAB for at kunne skrive navn i gul og 16 pkt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25" name="text" descr="{&quot;templafy&quot;:{&quot;id&quot;:&quot;8488a318-8bcb-453c-9b88-e5c8076f0dca&quot;}}" title="UserProfile.Street.Department_{{DocumentLanguage}}">
            <a:extLst>
              <a:ext uri="{FF2B5EF4-FFF2-40B4-BE49-F238E27FC236}">
                <a16:creationId xmlns:a16="http://schemas.microsoft.com/office/drawing/2014/main" id="{4CE5DE65-F7A4-44AE-955F-A78832607FF1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T-uddannelserne</a:t>
            </a:r>
          </a:p>
        </p:txBody>
      </p:sp>
      <p:sp>
        <p:nvSpPr>
          <p:cNvPr id="26" name="name" descr="{&quot;templafy&quot;:{&quot;id&quot;:&quot;dbbf45e3-22bf-449e-82bd-977291efdb76&quot;}}" title="UserProfile.Name">
            <a:extLst>
              <a:ext uri="{FF2B5EF4-FFF2-40B4-BE49-F238E27FC236}">
                <a16:creationId xmlns:a16="http://schemas.microsoft.com/office/drawing/2014/main" id="{4A503413-F912-448F-B0A3-0C7A5992723D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b Helmer Nielsen</a:t>
            </a:r>
          </a:p>
        </p:txBody>
      </p:sp>
      <p:pic>
        <p:nvPicPr>
          <p:cNvPr id="1901030208" name="image" descr="{&quot;templafy&quot;:{&quot;id&quot;:&quot;4f9781bb-7cbb-42fe-a532-ea4ad8433ef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2400" y="5896800"/>
            <a:ext cx="2515790" cy="392400"/>
          </a:xfrm>
          <a:prstGeom prst="rect">
            <a:avLst/>
          </a:prstGeom>
        </p:spPr>
      </p:pic>
      <p:cxnSp>
        <p:nvCxnSpPr>
          <p:cNvPr id="20" name="Lige forbindelse 19">
            <a:extLst>
              <a:ext uri="{FF2B5EF4-FFF2-40B4-BE49-F238E27FC236}">
                <a16:creationId xmlns:a16="http://schemas.microsoft.com/office/drawing/2014/main" id="{B8E6613F-4DA3-4A3D-A327-75A5674427D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Slide Number Placeholder 5">
            <a:extLst>
              <a:ext uri="{FF2B5EF4-FFF2-40B4-BE49-F238E27FC236}">
                <a16:creationId xmlns:a16="http://schemas.microsoft.com/office/drawing/2014/main" id="{07811611-E8EB-468F-B4DA-CFAE519B1BF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85357" y="5823368"/>
            <a:ext cx="434241" cy="518418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8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Pladsholder til sidefod 17">
            <a:extLst>
              <a:ext uri="{FF2B5EF4-FFF2-40B4-BE49-F238E27FC236}">
                <a16:creationId xmlns:a16="http://schemas.microsoft.com/office/drawing/2014/main" id="{114B76EA-00CA-49C3-BDB9-BB9265E6917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7" name="Pladsholder til dato 16" hidden="1">
            <a:extLst>
              <a:ext uri="{FF2B5EF4-FFF2-40B4-BE49-F238E27FC236}">
                <a16:creationId xmlns:a16="http://schemas.microsoft.com/office/drawing/2014/main" id="{1731C84F-56F7-4A86-93B2-44023FE02A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ggr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07B8917B-F19F-4202-A0E4-A0FDB37265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2400" y="800418"/>
            <a:ext cx="6552000" cy="4911407"/>
          </a:xfrm>
        </p:spPr>
        <p:txBody>
          <a:bodyPr/>
          <a:lstStyle>
            <a:lvl1pPr marL="0" indent="0">
              <a:lnSpc>
                <a:spcPct val="92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3600" b="1">
                <a:solidFill>
                  <a:schemeClr val="accent1"/>
                </a:solidFill>
              </a:defRPr>
            </a:lvl1pPr>
            <a:lvl2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6"/>
                </a:solidFill>
              </a:defRPr>
            </a:lvl2pPr>
            <a:lvl3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6"/>
                </a:solidFill>
              </a:defRPr>
            </a:lvl3pPr>
            <a:lvl4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6"/>
                </a:solidFill>
              </a:defRPr>
            </a:lvl4pPr>
            <a:lvl5pPr marL="0" indent="0">
              <a:lnSpc>
                <a:spcPct val="104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600">
                <a:solidFill>
                  <a:schemeClr val="accent6"/>
                </a:solidFill>
              </a:defRPr>
            </a:lvl5pPr>
          </a:lstStyle>
          <a:p>
            <a:pPr lvl="0"/>
            <a:r>
              <a:rPr lang="da-DK" dirty="0"/>
              <a:t>Klik og indsæt tekst</a:t>
            </a:r>
            <a:br>
              <a:rPr lang="da-DK" dirty="0"/>
            </a:br>
            <a:r>
              <a:rPr lang="da-DK" dirty="0"/>
              <a:t>Klik ENTER og TAB for at kunne skrive navn i rød og 16 pkt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28" name="Pladsholder til billede 27">
            <a:extLst>
              <a:ext uri="{FF2B5EF4-FFF2-40B4-BE49-F238E27FC236}">
                <a16:creationId xmlns:a16="http://schemas.microsoft.com/office/drawing/2014/main" id="{C0FFD995-9FB3-4061-8FE9-4665D1CCDB0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8126729" y="864000"/>
            <a:ext cx="3492000" cy="4847825"/>
          </a:xfrm>
          <a:prstGeom prst="rect">
            <a:avLst/>
          </a:prstGeom>
        </p:spPr>
        <p:txBody>
          <a:bodyPr wrap="square" lIns="72000" tIns="0" rIns="72000" bIns="72000" anchor="b" anchorCtr="0">
            <a:noAutofit/>
          </a:bodyPr>
          <a:lstStyle>
            <a:lvl1pPr marL="0" indent="0" algn="l">
              <a:buNone/>
              <a:defRPr sz="1600"/>
            </a:lvl1pPr>
          </a:lstStyle>
          <a:p>
            <a:r>
              <a:rPr lang="da-DK" noProof="0" dirty="0"/>
              <a:t>Klik på billederammen for at indsætte et billede – via Templafy</a:t>
            </a:r>
            <a:endParaRPr lang="da-DK"/>
          </a:p>
        </p:txBody>
      </p:sp>
      <p:sp>
        <p:nvSpPr>
          <p:cNvPr id="5" name="Pladsholder grafik">
            <a:extLst>
              <a:ext uri="{FF2B5EF4-FFF2-40B4-BE49-F238E27FC236}">
                <a16:creationId xmlns:a16="http://schemas.microsoft.com/office/drawing/2014/main" id="{4E615C30-4A73-4402-8FA8-458FA23E23C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752052" y="575983"/>
            <a:ext cx="802800" cy="7452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30" name="text" descr="{&quot;templafy&quot;:{&quot;id&quot;:&quot;0577bbcd-e926-4821-ae51-ab891549d067&quot;}}" title="UserProfile.Street.Department_{{DocumentLanguage}}">
            <a:extLst>
              <a:ext uri="{FF2B5EF4-FFF2-40B4-BE49-F238E27FC236}">
                <a16:creationId xmlns:a16="http://schemas.microsoft.com/office/drawing/2014/main" id="{D99ADD34-3FD0-4A92-910F-B4A830D4042B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accent1"/>
                </a:solidFill>
              </a:rPr>
              <a:t>IT-uddannelserne</a:t>
            </a:r>
          </a:p>
        </p:txBody>
      </p:sp>
      <p:sp>
        <p:nvSpPr>
          <p:cNvPr id="31" name="name" descr="{&quot;templafy&quot;:{&quot;id&quot;:&quot;fe7480de-d8ca-464c-b1d2-3db3c528c0c4&quot;}}" title="UserProfile.Name">
            <a:extLst>
              <a:ext uri="{FF2B5EF4-FFF2-40B4-BE49-F238E27FC236}">
                <a16:creationId xmlns:a16="http://schemas.microsoft.com/office/drawing/2014/main" id="{8F9247F2-D5C5-4930-9DB9-72E6E08AABD0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accent1"/>
                </a:solidFill>
              </a:rPr>
              <a:t>Ib Helmer Nielsen</a:t>
            </a:r>
          </a:p>
        </p:txBody>
      </p:sp>
      <p:pic>
        <p:nvPicPr>
          <p:cNvPr id="1016024048" name="image" descr="{&quot;templafy&quot;:{&quot;id&quot;:&quot;ba97702d-99ad-48eb-a98f-71bce89a2e2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896800"/>
            <a:ext cx="2545791" cy="392400"/>
          </a:xfrm>
          <a:prstGeom prst="rect">
            <a:avLst/>
          </a:prstGeom>
        </p:spPr>
      </p:pic>
      <p:cxnSp>
        <p:nvCxnSpPr>
          <p:cNvPr id="20" name="Lige forbindelse 19">
            <a:extLst>
              <a:ext uri="{FF2B5EF4-FFF2-40B4-BE49-F238E27FC236}">
                <a16:creationId xmlns:a16="http://schemas.microsoft.com/office/drawing/2014/main" id="{B8E6613F-4DA3-4A3D-A327-75A5674427D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Slide Number Placeholder 5">
            <a:extLst>
              <a:ext uri="{FF2B5EF4-FFF2-40B4-BE49-F238E27FC236}">
                <a16:creationId xmlns:a16="http://schemas.microsoft.com/office/drawing/2014/main" id="{07811611-E8EB-468F-B4DA-CFAE519B1BF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85357" y="5823368"/>
            <a:ext cx="434241" cy="518418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800">
                <a:solidFill>
                  <a:schemeClr val="accent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Pladsholder til sidefod 17">
            <a:extLst>
              <a:ext uri="{FF2B5EF4-FFF2-40B4-BE49-F238E27FC236}">
                <a16:creationId xmlns:a16="http://schemas.microsoft.com/office/drawing/2014/main" id="{114B76EA-00CA-49C3-BDB9-BB9265E6917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7" name="Pladsholder til dato 16" hidden="1">
            <a:extLst>
              <a:ext uri="{FF2B5EF4-FFF2-40B4-BE49-F238E27FC236}">
                <a16:creationId xmlns:a16="http://schemas.microsoft.com/office/drawing/2014/main" id="{1731C84F-56F7-4A86-93B2-44023FE02A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0053919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lide Brand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Baggrund">
            <a:extLst>
              <a:ext uri="{FF2B5EF4-FFF2-40B4-BE49-F238E27FC236}">
                <a16:creationId xmlns:a16="http://schemas.microsoft.com/office/drawing/2014/main" id="{040320BD-C2C7-4AE5-983C-5F6E962BED1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5" name="Grafik">
            <a:extLst>
              <a:ext uri="{FF2B5EF4-FFF2-40B4-BE49-F238E27FC236}">
                <a16:creationId xmlns:a16="http://schemas.microsoft.com/office/drawing/2014/main" id="{C14C17E3-1394-4F96-8998-4E37095BED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" y="0"/>
            <a:ext cx="12211200" cy="6875496"/>
          </a:xfrm>
          <a:prstGeom prst="rect">
            <a:avLst/>
          </a:prstGeom>
        </p:spPr>
      </p:pic>
      <p:sp>
        <p:nvSpPr>
          <p:cNvPr id="17" name="Titel 1">
            <a:extLst>
              <a:ext uri="{FF2B5EF4-FFF2-40B4-BE49-F238E27FC236}">
                <a16:creationId xmlns:a16="http://schemas.microsoft.com/office/drawing/2014/main" id="{A1EB266E-7402-4BF9-9501-305A7ADFC8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2399" y="2083745"/>
            <a:ext cx="11048400" cy="910800"/>
          </a:xfrm>
        </p:spPr>
        <p:txBody>
          <a:bodyPr/>
          <a:lstStyle>
            <a:lvl1pPr algn="ctr">
              <a:defRPr sz="6000" b="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01</a:t>
            </a:r>
            <a:endParaRPr lang="da-DK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3DF5D0CE-5089-46C9-AE77-ADCE2430284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1500" y="3283523"/>
            <a:ext cx="11047413" cy="2439732"/>
          </a:xfrm>
        </p:spPr>
        <p:txBody>
          <a:bodyPr anchor="t" anchorCtr="0"/>
          <a:lstStyle>
            <a:lvl1pPr marL="0" indent="0" algn="ctr">
              <a:lnSpc>
                <a:spcPct val="88000"/>
              </a:lnSpc>
              <a:spcAft>
                <a:spcPts val="1000"/>
              </a:spcAft>
              <a:buClrTx/>
              <a:buFont typeface="Arial" panose="020B0604020202020204" pitchFamily="34" charset="0"/>
              <a:buChar char="​"/>
              <a:defRPr sz="3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5pPr>
          </a:lstStyle>
          <a:p>
            <a:pPr lvl="0"/>
            <a:r>
              <a:rPr lang="da-DK" dirty="0"/>
              <a:t>Klik og indsæt tekst</a:t>
            </a:r>
            <a:br>
              <a:rPr lang="da-DK" dirty="0"/>
            </a:br>
            <a:r>
              <a:rPr lang="da-DK" dirty="0"/>
              <a:t>Klik ENTER og TAB</a:t>
            </a:r>
            <a:br>
              <a:rPr lang="da-DK" dirty="0"/>
            </a:br>
            <a:r>
              <a:rPr lang="da-DK" dirty="0"/>
              <a:t>for at få næste tekst niveau på 20 pkt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19" name="text" descr="{&quot;templafy&quot;:{&quot;id&quot;:&quot;20842739-553f-4533-9371-007932a7c5db&quot;}}" title="UserProfile.Street.Department_{{DocumentLanguage}}">
            <a:extLst>
              <a:ext uri="{FF2B5EF4-FFF2-40B4-BE49-F238E27FC236}">
                <a16:creationId xmlns:a16="http://schemas.microsoft.com/office/drawing/2014/main" id="{3DE321AE-6B72-421F-A637-7B239E15C4D8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T-uddannelserne</a:t>
            </a:r>
          </a:p>
        </p:txBody>
      </p:sp>
      <p:sp>
        <p:nvSpPr>
          <p:cNvPr id="20" name="name" descr="{&quot;templafy&quot;:{&quot;id&quot;:&quot;2803153d-9d8d-444e-a562-8bf66bf60d9c&quot;}}" title="UserProfile.Name">
            <a:extLst>
              <a:ext uri="{FF2B5EF4-FFF2-40B4-BE49-F238E27FC236}">
                <a16:creationId xmlns:a16="http://schemas.microsoft.com/office/drawing/2014/main" id="{8A527392-5A96-427E-96F9-2FC5F2F9B329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b Helmer Nielsen</a:t>
            </a:r>
          </a:p>
        </p:txBody>
      </p:sp>
      <p:pic>
        <p:nvPicPr>
          <p:cNvPr id="204265462" name="image" descr="{&quot;templafy&quot;:{&quot;id&quot;:&quot;beacd391-c4b4-4812-89e1-4b9b197ed15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896800"/>
            <a:ext cx="2515790" cy="392400"/>
          </a:xfrm>
          <a:prstGeom prst="rect">
            <a:avLst/>
          </a:prstGeom>
        </p:spPr>
      </p:pic>
      <p:cxnSp>
        <p:nvCxnSpPr>
          <p:cNvPr id="15" name="Lige forbindelse 14">
            <a:extLst>
              <a:ext uri="{FF2B5EF4-FFF2-40B4-BE49-F238E27FC236}">
                <a16:creationId xmlns:a16="http://schemas.microsoft.com/office/drawing/2014/main" id="{2AF3370C-EC5C-49C6-BD35-04EF6188B30D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Pladsholder til slidenummer 12">
            <a:extLst>
              <a:ext uri="{FF2B5EF4-FFF2-40B4-BE49-F238E27FC236}">
                <a16:creationId xmlns:a16="http://schemas.microsoft.com/office/drawing/2014/main" id="{7BB23314-F5AA-481C-A425-E895EA7E88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185357" y="5823368"/>
            <a:ext cx="434241" cy="51841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E6570E5-F488-41D2-8F8D-EC5555FEE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95B73F71-B6D9-4A05-959D-761DF48805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0985598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lide Yell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Baggrund">
            <a:extLst>
              <a:ext uri="{FF2B5EF4-FFF2-40B4-BE49-F238E27FC236}">
                <a16:creationId xmlns:a16="http://schemas.microsoft.com/office/drawing/2014/main" id="{040320BD-C2C7-4AE5-983C-5F6E962BED1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5" name="Grafik">
            <a:extLst>
              <a:ext uri="{FF2B5EF4-FFF2-40B4-BE49-F238E27FC236}">
                <a16:creationId xmlns:a16="http://schemas.microsoft.com/office/drawing/2014/main" id="{C14C17E3-1394-4F96-8998-4E37095BED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1"/>
            <a:ext cx="12192915" cy="6865200"/>
          </a:xfrm>
          <a:prstGeom prst="rect">
            <a:avLst/>
          </a:prstGeom>
        </p:spPr>
      </p:pic>
      <p:sp>
        <p:nvSpPr>
          <p:cNvPr id="17" name="Titel 1">
            <a:extLst>
              <a:ext uri="{FF2B5EF4-FFF2-40B4-BE49-F238E27FC236}">
                <a16:creationId xmlns:a16="http://schemas.microsoft.com/office/drawing/2014/main" id="{A1EB266E-7402-4BF9-9501-305A7ADFC8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2399" y="2083745"/>
            <a:ext cx="11048400" cy="910800"/>
          </a:xfrm>
        </p:spPr>
        <p:txBody>
          <a:bodyPr/>
          <a:lstStyle>
            <a:lvl1pPr algn="ctr">
              <a:defRPr sz="6000" b="0">
                <a:solidFill>
                  <a:schemeClr val="accent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01</a:t>
            </a:r>
            <a:endParaRPr lang="da-DK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3DF5D0CE-5089-46C9-AE77-ADCE2430284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1500" y="3283523"/>
            <a:ext cx="11047413" cy="2439732"/>
          </a:xfrm>
        </p:spPr>
        <p:txBody>
          <a:bodyPr anchor="t" anchorCtr="0"/>
          <a:lstStyle>
            <a:lvl1pPr marL="0" indent="0" algn="ctr">
              <a:lnSpc>
                <a:spcPct val="88000"/>
              </a:lnSpc>
              <a:spcAft>
                <a:spcPts val="1000"/>
              </a:spcAft>
              <a:buClrTx/>
              <a:buFont typeface="Arial" panose="020B0604020202020204" pitchFamily="34" charset="0"/>
              <a:buChar char="​"/>
              <a:defRPr sz="3600" b="1">
                <a:solidFill>
                  <a:schemeClr val="accent1"/>
                </a:solidFill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>
                <a:solidFill>
                  <a:schemeClr val="accent1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5pPr>
          </a:lstStyle>
          <a:p>
            <a:pPr lvl="0"/>
            <a:r>
              <a:rPr lang="da-DK" dirty="0"/>
              <a:t>Klik og indsæt tekst</a:t>
            </a:r>
            <a:br>
              <a:rPr lang="da-DK" dirty="0"/>
            </a:br>
            <a:r>
              <a:rPr lang="da-DK" dirty="0"/>
              <a:t>Klik ENTER og TAB</a:t>
            </a:r>
            <a:br>
              <a:rPr lang="da-DK" dirty="0"/>
            </a:br>
            <a:r>
              <a:rPr lang="da-DK" dirty="0"/>
              <a:t>for at få næste tekst niveau på 20 pkt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22" name="text" descr="{&quot;templafy&quot;:{&quot;id&quot;:&quot;b544baff-6716-49bb-9e91-d4e6b5d23bd4&quot;}}" title="UserProfile.Street.Department_{{DocumentLanguage}}">
            <a:extLst>
              <a:ext uri="{FF2B5EF4-FFF2-40B4-BE49-F238E27FC236}">
                <a16:creationId xmlns:a16="http://schemas.microsoft.com/office/drawing/2014/main" id="{EB5B3E89-FF38-458D-8631-B0E5178EA966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accent1"/>
                </a:solidFill>
              </a:rPr>
              <a:t>IT-uddannelserne</a:t>
            </a:r>
          </a:p>
        </p:txBody>
      </p:sp>
      <p:sp>
        <p:nvSpPr>
          <p:cNvPr id="23" name="name" descr="{&quot;templafy&quot;:{&quot;id&quot;:&quot;134606f7-02d0-49f0-b15b-0792b7363b6f&quot;}}" title="UserProfile.Name">
            <a:extLst>
              <a:ext uri="{FF2B5EF4-FFF2-40B4-BE49-F238E27FC236}">
                <a16:creationId xmlns:a16="http://schemas.microsoft.com/office/drawing/2014/main" id="{8D47D763-73EF-4BB5-8C76-9DDB61CE2EA2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accent1"/>
                </a:solidFill>
              </a:rPr>
              <a:t>Ib Helmer Nielsen</a:t>
            </a:r>
          </a:p>
        </p:txBody>
      </p:sp>
      <p:pic>
        <p:nvPicPr>
          <p:cNvPr id="2001869328" name="image" descr="{&quot;templafy&quot;:{&quot;id&quot;:&quot;8c3c0e36-3084-4296-8171-3c46dfbfd43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896800"/>
            <a:ext cx="2545791" cy="392400"/>
          </a:xfrm>
          <a:prstGeom prst="rect">
            <a:avLst/>
          </a:prstGeom>
        </p:spPr>
      </p:pic>
      <p:cxnSp>
        <p:nvCxnSpPr>
          <p:cNvPr id="18" name="Lige forbindelse 17">
            <a:extLst>
              <a:ext uri="{FF2B5EF4-FFF2-40B4-BE49-F238E27FC236}">
                <a16:creationId xmlns:a16="http://schemas.microsoft.com/office/drawing/2014/main" id="{9EA7A46A-6D01-4D61-872F-3BB9884F781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0A45EF0C-F6F3-4943-89E1-96DA892BBE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E6570E5-F488-41D2-8F8D-EC5555FEE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95B73F71-B6D9-4A05-959D-761DF48805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3084499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ggrund">
            <a:extLst>
              <a:ext uri="{FF2B5EF4-FFF2-40B4-BE49-F238E27FC236}">
                <a16:creationId xmlns:a16="http://schemas.microsoft.com/office/drawing/2014/main" id="{8EBFEEE1-7F49-45B4-B31A-DCD1B44F784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3" name="Grafik">
            <a:extLst>
              <a:ext uri="{FF2B5EF4-FFF2-40B4-BE49-F238E27FC236}">
                <a16:creationId xmlns:a16="http://schemas.microsoft.com/office/drawing/2014/main" id="{AE27D449-ECDD-4CAC-AD49-EAE6D52A5CB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915" cy="6865200"/>
          </a:xfrm>
          <a:prstGeom prst="rect">
            <a:avLst/>
          </a:prstGeom>
          <a:solidFill>
            <a:schemeClr val="accent4"/>
          </a:solidFill>
        </p:spPr>
      </p:pic>
      <p:sp>
        <p:nvSpPr>
          <p:cNvPr id="17" name="Titel 1">
            <a:extLst>
              <a:ext uri="{FF2B5EF4-FFF2-40B4-BE49-F238E27FC236}">
                <a16:creationId xmlns:a16="http://schemas.microsoft.com/office/drawing/2014/main" id="{A1EB266E-7402-4BF9-9501-305A7ADFC8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2399" y="2083745"/>
            <a:ext cx="11048400" cy="910800"/>
          </a:xfrm>
        </p:spPr>
        <p:txBody>
          <a:bodyPr/>
          <a:lstStyle>
            <a:lvl1pPr algn="ctr">
              <a:defRPr sz="6000" b="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01</a:t>
            </a:r>
            <a:endParaRPr lang="da-DK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3DF5D0CE-5089-46C9-AE77-ADCE2430284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1500" y="3283523"/>
            <a:ext cx="11047413" cy="2439732"/>
          </a:xfrm>
        </p:spPr>
        <p:txBody>
          <a:bodyPr anchor="t" anchorCtr="0"/>
          <a:lstStyle>
            <a:lvl1pPr marL="0" indent="0" algn="ctr">
              <a:lnSpc>
                <a:spcPct val="88000"/>
              </a:lnSpc>
              <a:spcAft>
                <a:spcPts val="1000"/>
              </a:spcAft>
              <a:buClrTx/>
              <a:buFont typeface="Arial" panose="020B0604020202020204" pitchFamily="34" charset="0"/>
              <a:buChar char="​"/>
              <a:defRPr sz="3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5pPr>
          </a:lstStyle>
          <a:p>
            <a:pPr lvl="0"/>
            <a:r>
              <a:rPr lang="da-DK" dirty="0"/>
              <a:t>Klik og indsæt tekst</a:t>
            </a:r>
            <a:br>
              <a:rPr lang="da-DK" dirty="0"/>
            </a:br>
            <a:r>
              <a:rPr lang="da-DK" dirty="0"/>
              <a:t>Klik ENTER og TAB</a:t>
            </a:r>
            <a:br>
              <a:rPr lang="da-DK" dirty="0"/>
            </a:br>
            <a:r>
              <a:rPr lang="da-DK" dirty="0"/>
              <a:t>for at få næste tekst niveau på 20 pkt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21" name="text" descr="{&quot;templafy&quot;:{&quot;id&quot;:&quot;25f0ae42-4b81-45d0-a256-1a509a99883d&quot;}}" title="UserProfile.Street.Department_{{DocumentLanguage}}">
            <a:extLst>
              <a:ext uri="{FF2B5EF4-FFF2-40B4-BE49-F238E27FC236}">
                <a16:creationId xmlns:a16="http://schemas.microsoft.com/office/drawing/2014/main" id="{4DB3C4C7-DF26-41E0-81F3-05DC7E573687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T-uddannelserne</a:t>
            </a:r>
          </a:p>
        </p:txBody>
      </p:sp>
      <p:sp>
        <p:nvSpPr>
          <p:cNvPr id="22" name="name" descr="{&quot;templafy&quot;:{&quot;id&quot;:&quot;73695348-2bf4-4838-9e65-187a563bc1f6&quot;}}" title="UserProfile.Name">
            <a:extLst>
              <a:ext uri="{FF2B5EF4-FFF2-40B4-BE49-F238E27FC236}">
                <a16:creationId xmlns:a16="http://schemas.microsoft.com/office/drawing/2014/main" id="{B1F7A45B-FA6D-480D-9405-E2AD99D9873B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b Helmer Nielsen</a:t>
            </a:r>
          </a:p>
        </p:txBody>
      </p:sp>
      <p:pic>
        <p:nvPicPr>
          <p:cNvPr id="2078051624" name="image" descr="{&quot;templafy&quot;:{&quot;id&quot;:&quot;74c9c233-be34-40a3-8601-79133d0e27d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896800"/>
            <a:ext cx="2515790" cy="392400"/>
          </a:xfrm>
          <a:prstGeom prst="rect">
            <a:avLst/>
          </a:prstGeom>
        </p:spPr>
      </p:pic>
      <p:cxnSp>
        <p:nvCxnSpPr>
          <p:cNvPr id="18" name="Lige forbindelse 17">
            <a:extLst>
              <a:ext uri="{FF2B5EF4-FFF2-40B4-BE49-F238E27FC236}">
                <a16:creationId xmlns:a16="http://schemas.microsoft.com/office/drawing/2014/main" id="{9EA7A46A-6D01-4D61-872F-3BB9884F781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0A45EF0C-F6F3-4943-89E1-96DA892BBE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E6570E5-F488-41D2-8F8D-EC5555FEE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95B73F71-B6D9-4A05-959D-761DF48805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0120410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lide 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ggrund">
            <a:extLst>
              <a:ext uri="{FF2B5EF4-FFF2-40B4-BE49-F238E27FC236}">
                <a16:creationId xmlns:a16="http://schemas.microsoft.com/office/drawing/2014/main" id="{D23BB625-5188-4EF3-B448-BF2994F6CDA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3" name="Grafik">
            <a:extLst>
              <a:ext uri="{FF2B5EF4-FFF2-40B4-BE49-F238E27FC236}">
                <a16:creationId xmlns:a16="http://schemas.microsoft.com/office/drawing/2014/main" id="{C7639E7F-E6E5-4980-BAFF-23C2F017BEF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915" cy="6865200"/>
          </a:xfrm>
          <a:prstGeom prst="rect">
            <a:avLst/>
          </a:prstGeom>
        </p:spPr>
      </p:pic>
      <p:sp>
        <p:nvSpPr>
          <p:cNvPr id="17" name="Titel 1">
            <a:extLst>
              <a:ext uri="{FF2B5EF4-FFF2-40B4-BE49-F238E27FC236}">
                <a16:creationId xmlns:a16="http://schemas.microsoft.com/office/drawing/2014/main" id="{A1EB266E-7402-4BF9-9501-305A7ADFC8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2399" y="2083745"/>
            <a:ext cx="11048400" cy="910800"/>
          </a:xfrm>
        </p:spPr>
        <p:txBody>
          <a:bodyPr/>
          <a:lstStyle>
            <a:lvl1pPr algn="ctr">
              <a:defRPr sz="6000" b="0">
                <a:solidFill>
                  <a:schemeClr val="bg1"/>
                </a:solidFill>
                <a:latin typeface="Arial Black" panose="020B0A04020102020204" pitchFamily="34" charset="0"/>
              </a:defRPr>
            </a:lvl1pPr>
          </a:lstStyle>
          <a:p>
            <a:r>
              <a:rPr lang="da-DK" dirty="0"/>
              <a:t>01</a:t>
            </a:r>
            <a:endParaRPr lang="da-DK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3DF5D0CE-5089-46C9-AE77-ADCE2430284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1500" y="3283523"/>
            <a:ext cx="11047413" cy="2439732"/>
          </a:xfrm>
        </p:spPr>
        <p:txBody>
          <a:bodyPr anchor="t" anchorCtr="0"/>
          <a:lstStyle>
            <a:lvl1pPr marL="0" indent="0" algn="ctr">
              <a:lnSpc>
                <a:spcPct val="88000"/>
              </a:lnSpc>
              <a:spcAft>
                <a:spcPts val="1000"/>
              </a:spcAft>
              <a:buClrTx/>
              <a:buFont typeface="Arial" panose="020B0604020202020204" pitchFamily="34" charset="0"/>
              <a:buChar char="​"/>
              <a:defRPr sz="3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5pPr>
          </a:lstStyle>
          <a:p>
            <a:pPr lvl="0"/>
            <a:r>
              <a:rPr lang="da-DK" dirty="0"/>
              <a:t>Klik og indsæt tekst</a:t>
            </a:r>
            <a:br>
              <a:rPr lang="da-DK" dirty="0"/>
            </a:br>
            <a:r>
              <a:rPr lang="da-DK" dirty="0"/>
              <a:t>Klik ENTER og TAB</a:t>
            </a:r>
            <a:br>
              <a:rPr lang="da-DK" dirty="0"/>
            </a:br>
            <a:r>
              <a:rPr lang="da-DK" dirty="0"/>
              <a:t>for at få næste tekst niveau på 20 pkt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21" name="text" descr="{&quot;templafy&quot;:{&quot;id&quot;:&quot;fcd9201a-d95e-48ad-847b-b8b72294b777&quot;}}" title="UserProfile.Street.Department_{{DocumentLanguage}}">
            <a:extLst>
              <a:ext uri="{FF2B5EF4-FFF2-40B4-BE49-F238E27FC236}">
                <a16:creationId xmlns:a16="http://schemas.microsoft.com/office/drawing/2014/main" id="{41426583-2C2C-4182-A563-69EFB218E901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T-uddannelserne</a:t>
            </a:r>
          </a:p>
        </p:txBody>
      </p:sp>
      <p:sp>
        <p:nvSpPr>
          <p:cNvPr id="22" name="name" descr="{&quot;templafy&quot;:{&quot;id&quot;:&quot;0f4b40c6-b0e2-4e79-af8b-88db4a1f2a37&quot;}}" title="UserProfile.Name">
            <a:extLst>
              <a:ext uri="{FF2B5EF4-FFF2-40B4-BE49-F238E27FC236}">
                <a16:creationId xmlns:a16="http://schemas.microsoft.com/office/drawing/2014/main" id="{B92BD3E5-EE6A-437A-9CB1-58B3A6F850E4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b Helmer Nielsen</a:t>
            </a:r>
          </a:p>
        </p:txBody>
      </p:sp>
      <p:pic>
        <p:nvPicPr>
          <p:cNvPr id="445159220" name="image" descr="{&quot;templafy&quot;:{&quot;id&quot;:&quot;c5e614cd-9e82-41c2-a177-52bc444ce5e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896800"/>
            <a:ext cx="2515790" cy="392400"/>
          </a:xfrm>
          <a:prstGeom prst="rect">
            <a:avLst/>
          </a:prstGeom>
        </p:spPr>
      </p:pic>
      <p:cxnSp>
        <p:nvCxnSpPr>
          <p:cNvPr id="18" name="Lige forbindelse 17">
            <a:extLst>
              <a:ext uri="{FF2B5EF4-FFF2-40B4-BE49-F238E27FC236}">
                <a16:creationId xmlns:a16="http://schemas.microsoft.com/office/drawing/2014/main" id="{9EA7A46A-6D01-4D61-872F-3BB9884F781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0A45EF0C-F6F3-4943-89E1-96DA892BBE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E6570E5-F488-41D2-8F8D-EC5555FEE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95B73F71-B6D9-4A05-959D-761DF48805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0572355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slide ver.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ggrund">
            <a:extLst>
              <a:ext uri="{FF2B5EF4-FFF2-40B4-BE49-F238E27FC236}">
                <a16:creationId xmlns:a16="http://schemas.microsoft.com/office/drawing/2014/main" id="{9A5BD5E9-EEDC-4E8A-8EA1-D4534B9B742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5" name="Grafik">
            <a:extLst>
              <a:ext uri="{FF2B5EF4-FFF2-40B4-BE49-F238E27FC236}">
                <a16:creationId xmlns:a16="http://schemas.microsoft.com/office/drawing/2014/main" id="{464E4E65-7FC0-4E30-95A8-C7F4D251D3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205703" cy="68724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2399" y="2184850"/>
            <a:ext cx="8568000" cy="1136327"/>
          </a:xfrm>
        </p:spPr>
        <p:txBody>
          <a:bodyPr anchor="b"/>
          <a:lstStyle>
            <a:lvl1pPr algn="l">
              <a:lnSpc>
                <a:spcPct val="87000"/>
              </a:lnSpc>
              <a:defRPr sz="4000" b="1">
                <a:solidFill>
                  <a:schemeClr val="accent1"/>
                </a:solidFill>
              </a:defRPr>
            </a:lvl1pPr>
          </a:lstStyle>
          <a:p>
            <a:r>
              <a:rPr lang="da-DK" noProof="0" dirty="0"/>
              <a:t>Klik for at indsætte titel</a:t>
            </a:r>
            <a:endParaRPr lang="da-DK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2399" y="3468046"/>
            <a:ext cx="8568000" cy="875354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2000">
                <a:solidFill>
                  <a:schemeClr val="accent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r>
              <a:rPr lang="da-DK" dirty="0"/>
              <a:t>2</a:t>
            </a:r>
            <a:endParaRPr lang="da-DK"/>
          </a:p>
          <a:p>
            <a:pPr lvl="2"/>
            <a:r>
              <a:rPr lang="da-DK" dirty="0"/>
              <a:t>3</a:t>
            </a:r>
            <a:endParaRPr lang="da-DK"/>
          </a:p>
          <a:p>
            <a:pPr lvl="3"/>
            <a:endParaRPr lang="da-DK" dirty="0"/>
          </a:p>
        </p:txBody>
      </p:sp>
      <p:sp>
        <p:nvSpPr>
          <p:cNvPr id="24" name="text" descr="{&quot;templafy&quot;:{&quot;id&quot;:&quot;c7adb301-e46c-4e96-bd00-319b5ee42c07&quot;}}" title="UserProfile.Street.Department_{{DocumentLanguage}}">
            <a:extLst>
              <a:ext uri="{FF2B5EF4-FFF2-40B4-BE49-F238E27FC236}">
                <a16:creationId xmlns:a16="http://schemas.microsoft.com/office/drawing/2014/main" id="{DFE41B30-9CD5-4C56-B934-9702339DE8DE}"/>
              </a:ext>
            </a:extLst>
          </p:cNvPr>
          <p:cNvSpPr/>
          <p:nvPr userDrawn="1"/>
        </p:nvSpPr>
        <p:spPr>
          <a:xfrm>
            <a:off x="6110859" y="6162345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accent1"/>
                </a:solidFill>
              </a:rPr>
              <a:t>IT-uddannelserne</a:t>
            </a:r>
          </a:p>
        </p:txBody>
      </p:sp>
      <p:sp>
        <p:nvSpPr>
          <p:cNvPr id="25" name="name" descr="{&quot;templafy&quot;:{&quot;id&quot;:&quot;a6d773c4-5d95-492e-8eff-e206d226f737&quot;}}" title="UserProfile.Name">
            <a:extLst>
              <a:ext uri="{FF2B5EF4-FFF2-40B4-BE49-F238E27FC236}">
                <a16:creationId xmlns:a16="http://schemas.microsoft.com/office/drawing/2014/main" id="{E71AE462-3B0B-4B67-A5DA-B341CD4193A0}"/>
              </a:ext>
            </a:extLst>
          </p:cNvPr>
          <p:cNvSpPr/>
          <p:nvPr userDrawn="1"/>
        </p:nvSpPr>
        <p:spPr>
          <a:xfrm>
            <a:off x="6110859" y="6016601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0" noProof="0" dirty="0">
                <a:solidFill>
                  <a:schemeClr val="accent1"/>
                </a:solidFill>
              </a:rPr>
              <a:t>Ib Helmer Nielsen</a:t>
            </a:r>
          </a:p>
        </p:txBody>
      </p:sp>
      <p:sp>
        <p:nvSpPr>
          <p:cNvPr id="26" name="date" descr="{&quot;templafy&quot;:{&quot;id&quot;:&quot;b5bba519-d240-432c-8544-3f13f1d9c497&quot;}}" title="Form.Date">
            <a:extLst>
              <a:ext uri="{FF2B5EF4-FFF2-40B4-BE49-F238E27FC236}">
                <a16:creationId xmlns:a16="http://schemas.microsoft.com/office/drawing/2014/main" id="{499E7713-AD26-4CD7-842B-1A98A998D7C1}"/>
              </a:ext>
            </a:extLst>
          </p:cNvPr>
          <p:cNvSpPr/>
          <p:nvPr userDrawn="1"/>
        </p:nvSpPr>
        <p:spPr>
          <a:xfrm>
            <a:off x="6110859" y="5870428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0" dirty="0">
                <a:solidFill>
                  <a:schemeClr val="accent1"/>
                </a:solidFill>
              </a:rPr>
              <a:t>19. oktober 2020</a:t>
            </a:r>
          </a:p>
        </p:txBody>
      </p:sp>
      <p:pic>
        <p:nvPicPr>
          <p:cNvPr id="1408862482" name="image" descr="{&quot;templafy&quot;:{&quot;id&quot;:&quot;f1b185f4-09e0-4ff4-a9aa-c060abf4d03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896800"/>
            <a:ext cx="2545791" cy="392400"/>
          </a:xfrm>
          <a:prstGeom prst="rect">
            <a:avLst/>
          </a:prstGeom>
        </p:spPr>
      </p:pic>
      <p:sp>
        <p:nvSpPr>
          <p:cNvPr id="16" name="Date Placeholder 3" hidden="1">
            <a:extLst>
              <a:ext uri="{FF2B5EF4-FFF2-40B4-BE49-F238E27FC236}">
                <a16:creationId xmlns:a16="http://schemas.microsoft.com/office/drawing/2014/main" id="{7AEEEBB1-3A26-4EB0-A9B0-CE0EE342F4E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7" name="Footer Placeholder 4" hidden="1">
            <a:extLst>
              <a:ext uri="{FF2B5EF4-FFF2-40B4-BE49-F238E27FC236}">
                <a16:creationId xmlns:a16="http://schemas.microsoft.com/office/drawing/2014/main" id="{E97B93D8-FB04-4078-95B9-5AAF5D736A4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8" name="Slide Number Placeholder 5" hidden="1">
            <a:extLst>
              <a:ext uri="{FF2B5EF4-FFF2-40B4-BE49-F238E27FC236}">
                <a16:creationId xmlns:a16="http://schemas.microsoft.com/office/drawing/2014/main" id="{088DDF81-8C54-4915-8516-F84C9DBB77D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862629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ause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Baggrund">
            <a:extLst>
              <a:ext uri="{FF2B5EF4-FFF2-40B4-BE49-F238E27FC236}">
                <a16:creationId xmlns:a16="http://schemas.microsoft.com/office/drawing/2014/main" id="{63067EEF-0156-4525-A657-63C58223258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Grafik">
            <a:extLst>
              <a:ext uri="{FF2B5EF4-FFF2-40B4-BE49-F238E27FC236}">
                <a16:creationId xmlns:a16="http://schemas.microsoft.com/office/drawing/2014/main" id="{1B2C1CB1-CE64-4DC4-B4A1-7356EA6D93E9}"/>
              </a:ext>
            </a:extLst>
          </p:cNvPr>
          <p:cNvSpPr/>
          <p:nvPr/>
        </p:nvSpPr>
        <p:spPr>
          <a:xfrm>
            <a:off x="1529724" y="0"/>
            <a:ext cx="9132552" cy="6858000"/>
          </a:xfrm>
          <a:custGeom>
            <a:avLst/>
            <a:gdLst>
              <a:gd name="connsiteX0" fmla="*/ 9132552 w 9132552"/>
              <a:gd name="connsiteY0" fmla="*/ 5045710 h 6858000"/>
              <a:gd name="connsiteX1" fmla="*/ 6725907 w 9132552"/>
              <a:gd name="connsiteY1" fmla="*/ 0 h 6858000"/>
              <a:gd name="connsiteX2" fmla="*/ 3798563 w 9132552"/>
              <a:gd name="connsiteY2" fmla="*/ 0 h 6858000"/>
              <a:gd name="connsiteX3" fmla="*/ 0 w 9132552"/>
              <a:gd name="connsiteY3" fmla="*/ 1812290 h 6858000"/>
              <a:gd name="connsiteX4" fmla="*/ 2406645 w 9132552"/>
              <a:gd name="connsiteY4" fmla="*/ 6858000 h 6858000"/>
              <a:gd name="connsiteX5" fmla="*/ 5335260 w 9132552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132552" h="6858000">
                <a:moveTo>
                  <a:pt x="9132552" y="5045710"/>
                </a:moveTo>
                <a:lnTo>
                  <a:pt x="6725907" y="0"/>
                </a:lnTo>
                <a:lnTo>
                  <a:pt x="3798563" y="0"/>
                </a:lnTo>
                <a:lnTo>
                  <a:pt x="0" y="1812290"/>
                </a:lnTo>
                <a:lnTo>
                  <a:pt x="2406645" y="6858000"/>
                </a:lnTo>
                <a:lnTo>
                  <a:pt x="5335260" y="6858000"/>
                </a:lnTo>
                <a:close/>
              </a:path>
            </a:pathLst>
          </a:custGeom>
          <a:solidFill>
            <a:srgbClr val="006874"/>
          </a:solidFill>
          <a:ln w="12691" cap="flat">
            <a:noFill/>
            <a:prstDash val="solid"/>
            <a:miter/>
          </a:ln>
        </p:spPr>
        <p:txBody>
          <a:bodyPr rtlCol="0" anchor="ctr"/>
          <a:lstStyle/>
          <a:p>
            <a:endParaRPr lang="da-DK" dirty="0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3DF5D0CE-5089-46C9-AE77-ADCE2430284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1500" y="3777426"/>
            <a:ext cx="11047413" cy="1459865"/>
          </a:xfrm>
        </p:spPr>
        <p:txBody>
          <a:bodyPr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 b="0">
                <a:solidFill>
                  <a:schemeClr val="accent2"/>
                </a:solidFill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180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accent6"/>
                </a:solidFill>
              </a:defRPr>
            </a:lvl5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27" name="text" descr="{&quot;templafy&quot;:{&quot;id&quot;:&quot;6e694835-3f6c-4e6f-a8f6-eb4877bb88e8&quot;}}" title="UserProfile.Street.Department_{{DocumentLanguage}}">
            <a:extLst>
              <a:ext uri="{FF2B5EF4-FFF2-40B4-BE49-F238E27FC236}">
                <a16:creationId xmlns:a16="http://schemas.microsoft.com/office/drawing/2014/main" id="{55C898CE-6A45-464D-BDAF-02D8F7CBBDA9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T-uddannelserne</a:t>
            </a:r>
          </a:p>
        </p:txBody>
      </p:sp>
      <p:sp>
        <p:nvSpPr>
          <p:cNvPr id="28" name="name" descr="{&quot;templafy&quot;:{&quot;id&quot;:&quot;c350ce41-268e-462b-965e-fcd4b26fe42e&quot;}}" title="UserProfile.Name">
            <a:extLst>
              <a:ext uri="{FF2B5EF4-FFF2-40B4-BE49-F238E27FC236}">
                <a16:creationId xmlns:a16="http://schemas.microsoft.com/office/drawing/2014/main" id="{D720BDF1-23E8-46DD-AD4D-51FA8A6A3C53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b Helmer Nielsen</a:t>
            </a:r>
          </a:p>
        </p:txBody>
      </p:sp>
      <p:pic>
        <p:nvPicPr>
          <p:cNvPr id="1525149596" name="image" descr="{&quot;templafy&quot;:{&quot;id&quot;:&quot;044bd812-0181-46ae-8ae0-8b15d4428bc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2400" y="5896800"/>
            <a:ext cx="2515790" cy="392400"/>
          </a:xfrm>
          <a:prstGeom prst="rect">
            <a:avLst/>
          </a:prstGeom>
        </p:spPr>
      </p:pic>
      <p:cxnSp>
        <p:nvCxnSpPr>
          <p:cNvPr id="18" name="Lige forbindelse 17">
            <a:extLst>
              <a:ext uri="{FF2B5EF4-FFF2-40B4-BE49-F238E27FC236}">
                <a16:creationId xmlns:a16="http://schemas.microsoft.com/office/drawing/2014/main" id="{9EA7A46A-6D01-4D61-872F-3BB9884F781E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0A45EF0C-F6F3-4943-89E1-96DA892BBE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E6570E5-F488-41D2-8F8D-EC5555FEE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95B73F71-B6D9-4A05-959D-761DF48805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15" name="Kaffe ikon">
            <a:extLst>
              <a:ext uri="{FF2B5EF4-FFF2-40B4-BE49-F238E27FC236}">
                <a16:creationId xmlns:a16="http://schemas.microsoft.com/office/drawing/2014/main" id="{30B2529F-F6B2-4E4E-B05C-1FDDFB88ECC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25840" y="1134745"/>
            <a:ext cx="1140320" cy="1141200"/>
          </a:xfrm>
          <a:prstGeom prst="rect">
            <a:avLst/>
          </a:prstGeom>
        </p:spPr>
      </p:pic>
      <p:sp>
        <p:nvSpPr>
          <p:cNvPr id="3" name="Tekstfelt 2">
            <a:extLst>
              <a:ext uri="{FF2B5EF4-FFF2-40B4-BE49-F238E27FC236}">
                <a16:creationId xmlns:a16="http://schemas.microsoft.com/office/drawing/2014/main" id="{BE6A2643-729E-456A-8045-53692DF4119E}"/>
              </a:ext>
            </a:extLst>
          </p:cNvPr>
          <p:cNvSpPr txBox="1"/>
          <p:nvPr userDrawn="1"/>
        </p:nvSpPr>
        <p:spPr>
          <a:xfrm>
            <a:off x="571499" y="2716976"/>
            <a:ext cx="11047413" cy="8771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ctr">
              <a:lnSpc>
                <a:spcPct val="95000"/>
              </a:lnSpc>
              <a:spcAft>
                <a:spcPts val="1417"/>
              </a:spcAft>
              <a:buClr>
                <a:schemeClr val="tx2"/>
              </a:buClr>
              <a:buFont typeface="Verdana" panose="020B0604030504040204" pitchFamily="34" charset="0"/>
              <a:buNone/>
            </a:pPr>
            <a:r>
              <a:rPr lang="da-DK" sz="6000" b="1" kern="120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  <a:t>Paus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1774015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lutnings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ggr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07B8917B-F19F-4202-A0E4-A0FDB37265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97050" y="2411731"/>
            <a:ext cx="8352000" cy="2617470"/>
          </a:xfrm>
        </p:spPr>
        <p:txBody>
          <a:bodyPr/>
          <a:lstStyle>
            <a:lvl1pPr marL="0" indent="0" algn="ctr">
              <a:lnSpc>
                <a:spcPct val="88000"/>
              </a:lnSpc>
              <a:spcAft>
                <a:spcPts val="1000"/>
              </a:spcAft>
              <a:buClrTx/>
              <a:buFont typeface="Arial" panose="020B0604020202020204" pitchFamily="34" charset="0"/>
              <a:buChar char="​"/>
              <a:defRPr sz="3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ClrTx/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Klik og indsæt tekst</a:t>
            </a:r>
            <a:br>
              <a:rPr lang="da-DK" dirty="0"/>
            </a:br>
            <a:r>
              <a:rPr lang="da-DK" dirty="0"/>
              <a:t>Klik ENTER og TAB for at få næste tekst niveau på 20 pkt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pic>
        <p:nvPicPr>
          <p:cNvPr id="1478255481" name="image" descr="{&quot;templafy&quot;:{&quot;id&quot;:&quot;d18a66e1-b293-417f-8af1-7f975334a12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124000" y="5415279"/>
            <a:ext cx="1937179" cy="972000"/>
          </a:xfrm>
          <a:prstGeom prst="rect">
            <a:avLst/>
          </a:prstGeom>
        </p:spPr>
      </p:pic>
      <p:sp>
        <p:nvSpPr>
          <p:cNvPr id="17" name="Pladsholder til dato 16" hidden="1">
            <a:extLst>
              <a:ext uri="{FF2B5EF4-FFF2-40B4-BE49-F238E27FC236}">
                <a16:creationId xmlns:a16="http://schemas.microsoft.com/office/drawing/2014/main" id="{1731C84F-56F7-4A86-93B2-44023FE02A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8" name="Pladsholder til sidefod 17" hidden="1">
            <a:extLst>
              <a:ext uri="{FF2B5EF4-FFF2-40B4-BE49-F238E27FC236}">
                <a16:creationId xmlns:a16="http://schemas.microsoft.com/office/drawing/2014/main" id="{114B76EA-00CA-49C3-BDB9-BB9265E6917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4" name="Slide Number Placeholder 5" hidden="1">
            <a:extLst>
              <a:ext uri="{FF2B5EF4-FFF2-40B4-BE49-F238E27FC236}">
                <a16:creationId xmlns:a16="http://schemas.microsoft.com/office/drawing/2014/main" id="{CCC11C80-A7CC-4D2E-A9DB-FFC6D63066B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96310256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l bull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DFDC582-69C3-42DB-A0C2-AF4C43A376C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noProof="0" dirty="0"/>
              <a:t>Klik for at indsætte titel</a:t>
            </a:r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D08215F6-1357-4CE3-B6CB-075C4B14B6F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B05A5658-A186-496F-9CBB-21B2E977EC4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8A63A43E-87BE-4C81-A92E-D2F2620DF66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CC474FD8-278A-47CD-9D9C-9959CF9DAA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1500" y="1658938"/>
            <a:ext cx="11047413" cy="4052887"/>
          </a:xfrm>
        </p:spPr>
        <p:txBody>
          <a:bodyPr/>
          <a:lstStyle>
            <a:lvl1pPr marL="360000" indent="-360000">
              <a:lnSpc>
                <a:spcPct val="97000"/>
              </a:lnSpc>
              <a:buSzPct val="90000"/>
              <a:buFontTx/>
              <a:buBlip>
                <a:blip r:embed="rId2"/>
              </a:buBlip>
              <a:defRPr/>
            </a:lvl1pPr>
            <a:lvl2pPr marL="720000" indent="-360000">
              <a:buSzPct val="90000"/>
              <a:buFontTx/>
              <a:buBlip>
                <a:blip r:embed="rId2"/>
              </a:buBlip>
              <a:defRPr/>
            </a:lvl2pPr>
            <a:lvl3pPr marL="1080000" indent="-360000">
              <a:lnSpc>
                <a:spcPct val="101000"/>
              </a:lnSpc>
              <a:buSzPct val="90000"/>
              <a:buFontTx/>
              <a:buBlip>
                <a:blip r:embed="rId2"/>
              </a:buBlip>
              <a:defRPr/>
            </a:lvl3pPr>
            <a:lvl4pPr marL="1440000" indent="-360000">
              <a:lnSpc>
                <a:spcPct val="104000"/>
              </a:lnSpc>
              <a:buSzPct val="90000"/>
              <a:buFontTx/>
              <a:buBlip>
                <a:blip r:embed="rId2"/>
              </a:buBlip>
              <a:defRPr/>
            </a:lvl4pPr>
            <a:lvl5pPr marL="1800000" indent="-360000">
              <a:lnSpc>
                <a:spcPct val="107000"/>
              </a:lnSpc>
              <a:buSzPct val="90000"/>
              <a:buFontTx/>
              <a:buBlip>
                <a:blip r:embed="rId2"/>
              </a:buBlip>
              <a:defRPr/>
            </a:lvl5pPr>
            <a:lvl6pPr marL="360000" indent="-360000">
              <a:lnSpc>
                <a:spcPct val="104000"/>
              </a:lnSpc>
              <a:buClr>
                <a:schemeClr val="accent4"/>
              </a:buClr>
              <a:buSzPct val="100000"/>
              <a:buFont typeface="Verdana" panose="020B0604030504040204" pitchFamily="34" charset="0"/>
              <a:buChar char="●"/>
              <a:defRPr/>
            </a:lvl6pPr>
            <a:lvl7pPr marL="720000" indent="-360000">
              <a:buClr>
                <a:schemeClr val="accent4"/>
              </a:buClr>
              <a:buSzPct val="100000"/>
              <a:buFont typeface="Verdana" panose="020B0604030504040204" pitchFamily="34" charset="0"/>
              <a:buChar char="●"/>
              <a:defRPr/>
            </a:lvl7pPr>
            <a:lvl8pPr marL="1080000" indent="-360000">
              <a:lnSpc>
                <a:spcPct val="100000"/>
              </a:lnSpc>
              <a:buClr>
                <a:schemeClr val="accent4"/>
              </a:buClr>
              <a:buSzPct val="100000"/>
              <a:buFont typeface="Verdana" panose="020B0604030504040204" pitchFamily="34" charset="0"/>
              <a:buChar char="●"/>
              <a:defRPr/>
            </a:lvl8pPr>
            <a:lvl9pPr marL="1440000" indent="-360000">
              <a:lnSpc>
                <a:spcPct val="100000"/>
              </a:lnSpc>
              <a:buClr>
                <a:schemeClr val="accent4"/>
              </a:buClr>
              <a:buSzPct val="100000"/>
              <a:buFont typeface="Verdana" panose="020B0604030504040204" pitchFamily="34" charset="0"/>
              <a:buChar char="●"/>
              <a:defRPr/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510847442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noProof="0" dirty="0"/>
              <a:t>Klik for at indsætte titel</a:t>
            </a:r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CF183F2D-82B9-456F-A6A5-8377EE1A56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E6A05CAD-62A2-47A9-8872-E37165C6480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 hidden="1">
            <a:extLst>
              <a:ext uri="{FF2B5EF4-FFF2-40B4-BE49-F238E27FC236}">
                <a16:creationId xmlns:a16="http://schemas.microsoft.com/office/drawing/2014/main" id="{DC6CF77E-777F-4196-B015-EAB90C91E97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64EF57B5-2368-490B-9547-BB8EDCF426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CA91E7A9-0E33-4D5F-A09A-56FBFBFD5A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dato 4" hidden="1">
            <a:extLst>
              <a:ext uri="{FF2B5EF4-FFF2-40B4-BE49-F238E27FC236}">
                <a16:creationId xmlns:a16="http://schemas.microsoft.com/office/drawing/2014/main" id="{D6C64544-0680-4667-BAF2-4979EC8996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52" y="448713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85472" y="1671439"/>
            <a:ext cx="2280360" cy="40472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Arial" panose="020B0604020202020204" pitchFamily="34" charset="0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det næst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bullet knappen for at sætte korrekt bullet ig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da-DK" altLang="da-DK" sz="16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1600" dirty="0">
                <a:latin typeface="Arial" panose="020B0604020202020204" pitchFamily="34" charset="0"/>
                <a:cs typeface="Arial" panose="020B0604020202020204" pitchFamily="34" charset="0"/>
              </a:rPr>
              <a:t>SLIDES &amp; LAYOUTS</a:t>
            </a:r>
            <a:br>
              <a:rPr lang="da-DK" altLang="da-DK" sz="16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anen for 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498494" y="1724486"/>
            <a:ext cx="2196000" cy="40010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anen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Arial" panose="020B0604020202020204" pitchFamily="34" charset="0"/>
                <a:cs typeface="Arial" panose="020B0604020202020204" pitchFamily="34" charset="0"/>
              </a:rPr>
              <a:t>BILLEDER</a:t>
            </a:r>
            <a:endParaRPr lang="da-DK" sz="16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ter et nyt, kan billedet lægg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076214" y="1724486"/>
            <a:ext cx="2358243" cy="30469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Arial" panose="020B0604020202020204" pitchFamily="34" charset="0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1600" dirty="0"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  <a:endParaRPr lang="da-DK" sz="16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4C8C8420-1956-4D8D-85A2-8D596BA13AB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905351" y="3539325"/>
            <a:ext cx="257143" cy="285714"/>
          </a:xfrm>
          <a:prstGeom prst="rect">
            <a:avLst/>
          </a:prstGeom>
        </p:spPr>
      </p:pic>
      <p:pic>
        <p:nvPicPr>
          <p:cNvPr id="34" name="Picture 33">
            <a:extLst>
              <a:ext uri="{FF2B5EF4-FFF2-40B4-BE49-F238E27FC236}">
                <a16:creationId xmlns:a16="http://schemas.microsoft.com/office/drawing/2014/main" id="{8930DBB6-AA18-4CCC-8A74-1A211F07B45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901" t="45142" r="62601" b="9046"/>
          <a:stretch/>
        </p:blipFill>
        <p:spPr>
          <a:xfrm>
            <a:off x="6631300" y="3056348"/>
            <a:ext cx="341204" cy="321707"/>
          </a:xfrm>
          <a:prstGeom prst="rect">
            <a:avLst/>
          </a:prstGeom>
        </p:spPr>
      </p:pic>
      <p:pic>
        <p:nvPicPr>
          <p:cNvPr id="2" name="Billede 1">
            <a:extLst>
              <a:ext uri="{FF2B5EF4-FFF2-40B4-BE49-F238E27FC236}">
                <a16:creationId xmlns:a16="http://schemas.microsoft.com/office/drawing/2014/main" id="{0C22BDAC-B124-43F1-8284-B7ABECB11D4C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10798" y="4433932"/>
            <a:ext cx="308589" cy="528030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33DEAD47-C86F-4141-B5C1-25878B11926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6703714" y="1950263"/>
            <a:ext cx="496606" cy="172842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B1665661-0DB0-4C2E-A6CA-698F364812D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6707444" y="3737843"/>
            <a:ext cx="366043" cy="480431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B45B4842-526F-49BC-BF80-0BF98368A0C3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905892" y="2771759"/>
            <a:ext cx="457143" cy="257143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9E3AF786-FE3C-4952-BA84-3A083206C1D6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911772" y="5111700"/>
            <a:ext cx="475428" cy="1767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82225863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 dirty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 dirty="0">
                <a:solidFill>
                  <a:schemeClr val="bg1"/>
                </a:solidFill>
              </a:rPr>
              <a:t>layouts efter dette,</a:t>
            </a:r>
            <a:br>
              <a:rPr lang="da-DK" sz="4400" b="0" i="0" noProof="0" dirty="0">
                <a:solidFill>
                  <a:schemeClr val="bg1"/>
                </a:solidFill>
              </a:rPr>
            </a:br>
            <a:r>
              <a:rPr lang="da-DK" sz="4400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i="0" u="none" noProof="0" dirty="0">
                <a:solidFill>
                  <a:schemeClr val="bg1"/>
                </a:solidFill>
              </a:rPr>
              <a:t> </a:t>
            </a:r>
            <a:r>
              <a:rPr lang="da-DK" sz="4400" b="0" noProof="0" dirty="0">
                <a:solidFill>
                  <a:schemeClr val="bg1"/>
                </a:solidFill>
              </a:rPr>
              <a:t>skabelon.</a:t>
            </a:r>
            <a:br>
              <a:rPr lang="da-DK" sz="2800" b="0" noProof="0" dirty="0">
                <a:solidFill>
                  <a:schemeClr val="bg1"/>
                </a:solidFill>
              </a:rPr>
            </a:br>
            <a:br>
              <a:rPr lang="da-DK" sz="2800" b="0" noProof="0" dirty="0">
                <a:solidFill>
                  <a:schemeClr val="bg1"/>
                </a:solidFill>
              </a:rPr>
            </a:br>
            <a:endParaRPr lang="da-DK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 dirty="0">
                <a:solidFill>
                  <a:schemeClr val="bg1"/>
                </a:solidFill>
              </a:rPr>
              <a:t>Brug dem ikke </a:t>
            </a:r>
            <a:endParaRPr lang="da-DK" sz="1000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800" b="0" noProof="0" dirty="0">
                <a:solidFill>
                  <a:schemeClr val="bg1"/>
                </a:solidFill>
              </a:rPr>
            </a:br>
            <a:endParaRPr lang="da-DK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Footer Placeholder 3" hidden="1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4" hidden="1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slide ver.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Baggrund">
            <a:extLst>
              <a:ext uri="{FF2B5EF4-FFF2-40B4-BE49-F238E27FC236}">
                <a16:creationId xmlns:a16="http://schemas.microsoft.com/office/drawing/2014/main" id="{AF139F6A-D077-4D63-A157-BD83C7C5A1A7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7" name="Grafik">
            <a:extLst>
              <a:ext uri="{FF2B5EF4-FFF2-40B4-BE49-F238E27FC236}">
                <a16:creationId xmlns:a16="http://schemas.microsoft.com/office/drawing/2014/main" id="{CF25A037-FEBA-4E0B-8FDB-7764A14FE02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915" cy="6865200"/>
          </a:xfrm>
          <a:prstGeom prst="rect">
            <a:avLst/>
          </a:prstGeom>
          <a:solidFill>
            <a:srgbClr val="0046AD"/>
          </a:solidFill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2399" y="2184850"/>
            <a:ext cx="8568000" cy="1136327"/>
          </a:xfrm>
        </p:spPr>
        <p:txBody>
          <a:bodyPr anchor="b"/>
          <a:lstStyle>
            <a:lvl1pPr algn="l">
              <a:lnSpc>
                <a:spcPct val="87000"/>
              </a:lnSpc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da-DK" noProof="0" dirty="0"/>
              <a:t>Klik for at indsætte titel</a:t>
            </a:r>
            <a:endParaRPr lang="da-DK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2399" y="3468046"/>
            <a:ext cx="8568000" cy="875354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r>
              <a:rPr lang="da-DK" dirty="0"/>
              <a:t>2</a:t>
            </a:r>
            <a:endParaRPr lang="da-DK"/>
          </a:p>
          <a:p>
            <a:pPr lvl="2"/>
            <a:r>
              <a:rPr lang="da-DK" dirty="0"/>
              <a:t>3</a:t>
            </a:r>
            <a:endParaRPr lang="da-DK"/>
          </a:p>
          <a:p>
            <a:pPr lvl="3"/>
            <a:endParaRPr lang="da-DK" dirty="0"/>
          </a:p>
        </p:txBody>
      </p:sp>
      <p:sp>
        <p:nvSpPr>
          <p:cNvPr id="25" name="text" descr="{&quot;templafy&quot;:{&quot;id&quot;:&quot;c0035f41-0dfc-475b-875b-4c6dc0a79547&quot;}}" title="UserProfile.Street.Department_{{DocumentLanguage}}">
            <a:extLst>
              <a:ext uri="{FF2B5EF4-FFF2-40B4-BE49-F238E27FC236}">
                <a16:creationId xmlns:a16="http://schemas.microsoft.com/office/drawing/2014/main" id="{79AAA1E0-014C-4062-A889-813BEF7D4693}"/>
              </a:ext>
            </a:extLst>
          </p:cNvPr>
          <p:cNvSpPr/>
          <p:nvPr userDrawn="1"/>
        </p:nvSpPr>
        <p:spPr>
          <a:xfrm>
            <a:off x="6110859" y="6162345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/>
              <a:t>IT-uddannelserne</a:t>
            </a:r>
          </a:p>
        </p:txBody>
      </p:sp>
      <p:sp>
        <p:nvSpPr>
          <p:cNvPr id="26" name="name" descr="{&quot;templafy&quot;:{&quot;id&quot;:&quot;60ef32d7-fbf4-4920-ad91-8bf06bc59d8b&quot;}}" title="UserProfile.Name">
            <a:extLst>
              <a:ext uri="{FF2B5EF4-FFF2-40B4-BE49-F238E27FC236}">
                <a16:creationId xmlns:a16="http://schemas.microsoft.com/office/drawing/2014/main" id="{E10F879A-B712-476B-B720-BF0767B1F5E4}"/>
              </a:ext>
            </a:extLst>
          </p:cNvPr>
          <p:cNvSpPr/>
          <p:nvPr userDrawn="1"/>
        </p:nvSpPr>
        <p:spPr>
          <a:xfrm>
            <a:off x="6110859" y="6016601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0" noProof="0" dirty="0"/>
              <a:t>Ib Helmer Nielsen</a:t>
            </a:r>
          </a:p>
        </p:txBody>
      </p:sp>
      <p:sp>
        <p:nvSpPr>
          <p:cNvPr id="27" name="date" descr="{&quot;templafy&quot;:{&quot;id&quot;:&quot;97436f42-285d-4b11-947b-3cb5ec1b6230&quot;}}" title="Form.Date">
            <a:extLst>
              <a:ext uri="{FF2B5EF4-FFF2-40B4-BE49-F238E27FC236}">
                <a16:creationId xmlns:a16="http://schemas.microsoft.com/office/drawing/2014/main" id="{3B52B98E-4A1E-4D5E-9388-7B5C0747BF3F}"/>
              </a:ext>
            </a:extLst>
          </p:cNvPr>
          <p:cNvSpPr/>
          <p:nvPr userDrawn="1"/>
        </p:nvSpPr>
        <p:spPr>
          <a:xfrm>
            <a:off x="6110859" y="5870428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0" dirty="0"/>
              <a:t>19. oktober 2020</a:t>
            </a:r>
          </a:p>
        </p:txBody>
      </p:sp>
      <p:pic>
        <p:nvPicPr>
          <p:cNvPr id="85726199" name="image" descr="{&quot;templafy&quot;:{&quot;id&quot;:&quot;0ecf05e3-ac50-49ae-bb08-fcdd2a06b1a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2400" y="5896800"/>
            <a:ext cx="2515790" cy="392400"/>
          </a:xfrm>
          <a:prstGeom prst="rect">
            <a:avLst/>
          </a:prstGeom>
        </p:spPr>
      </p:pic>
      <p:sp>
        <p:nvSpPr>
          <p:cNvPr id="16" name="Date Placeholder 3" hidden="1">
            <a:extLst>
              <a:ext uri="{FF2B5EF4-FFF2-40B4-BE49-F238E27FC236}">
                <a16:creationId xmlns:a16="http://schemas.microsoft.com/office/drawing/2014/main" id="{7AEEEBB1-3A26-4EB0-A9B0-CE0EE342F4E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7" name="Footer Placeholder 4" hidden="1">
            <a:extLst>
              <a:ext uri="{FF2B5EF4-FFF2-40B4-BE49-F238E27FC236}">
                <a16:creationId xmlns:a16="http://schemas.microsoft.com/office/drawing/2014/main" id="{E97B93D8-FB04-4078-95B9-5AAF5D736A4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8" name="Slide Number Placeholder 5" hidden="1">
            <a:extLst>
              <a:ext uri="{FF2B5EF4-FFF2-40B4-BE49-F238E27FC236}">
                <a16:creationId xmlns:a16="http://schemas.microsoft.com/office/drawing/2014/main" id="{088DDF81-8C54-4915-8516-F84C9DBB77D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6806005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slide ver.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Background">
            <a:extLst>
              <a:ext uri="{FF2B5EF4-FFF2-40B4-BE49-F238E27FC236}">
                <a16:creationId xmlns:a16="http://schemas.microsoft.com/office/drawing/2014/main" id="{99243C33-CA81-4371-BDFA-2B24F7E623A2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3200" cy="5400000"/>
          </a:xfrm>
          <a:solidFill>
            <a:schemeClr val="accent3"/>
          </a:solidFill>
        </p:spPr>
        <p:txBody>
          <a:bodyPr lIns="144000" tIns="10800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billederammen for at indsætte et billede – via Templafy</a:t>
            </a:r>
            <a:endParaRPr lang="da-DK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3A3E1E7-5B9C-4681-B387-649C07AEADB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2399" y="2184850"/>
            <a:ext cx="8568000" cy="1136327"/>
          </a:xfrm>
        </p:spPr>
        <p:txBody>
          <a:bodyPr anchor="b"/>
          <a:lstStyle>
            <a:lvl1pPr algn="l">
              <a:lnSpc>
                <a:spcPct val="87000"/>
              </a:lnSpc>
              <a:defRPr sz="4000" b="1">
                <a:solidFill>
                  <a:schemeClr val="bg1"/>
                </a:solidFill>
              </a:defRPr>
            </a:lvl1pPr>
          </a:lstStyle>
          <a:p>
            <a:r>
              <a:rPr lang="da-DK" noProof="0" dirty="0"/>
              <a:t>Klik for at indsætte titel</a:t>
            </a:r>
            <a:endParaRPr lang="da-DK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7A0C04F1-4F27-4611-9B29-309976E50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2399" y="3468046"/>
            <a:ext cx="8568000" cy="875354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r>
              <a:rPr lang="da-DK" dirty="0"/>
              <a:t>2</a:t>
            </a:r>
            <a:endParaRPr lang="da-DK"/>
          </a:p>
          <a:p>
            <a:pPr lvl="2"/>
            <a:r>
              <a:rPr lang="da-DK" dirty="0"/>
              <a:t>3</a:t>
            </a:r>
            <a:endParaRPr lang="da-DK"/>
          </a:p>
          <a:p>
            <a:pPr lvl="3"/>
            <a:endParaRPr lang="da-DK" dirty="0"/>
          </a:p>
        </p:txBody>
      </p:sp>
      <p:sp>
        <p:nvSpPr>
          <p:cNvPr id="23" name="text" descr="{&quot;templafy&quot;:{&quot;id&quot;:&quot;d327a152-761a-4f31-8e0a-40a9795f3d14&quot;}}" title="UserProfile.Street.Department_{{DocumentLanguage}}">
            <a:extLst>
              <a:ext uri="{FF2B5EF4-FFF2-40B4-BE49-F238E27FC236}">
                <a16:creationId xmlns:a16="http://schemas.microsoft.com/office/drawing/2014/main" id="{1479065A-8AD4-4D75-B930-53DC7FD1FDCD}"/>
              </a:ext>
            </a:extLst>
          </p:cNvPr>
          <p:cNvSpPr/>
          <p:nvPr userDrawn="1"/>
        </p:nvSpPr>
        <p:spPr>
          <a:xfrm>
            <a:off x="6110859" y="6162345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accent1"/>
                </a:solidFill>
              </a:rPr>
              <a:t>IT-uddannelserne</a:t>
            </a:r>
          </a:p>
        </p:txBody>
      </p:sp>
      <p:sp>
        <p:nvSpPr>
          <p:cNvPr id="24" name="name" descr="{&quot;templafy&quot;:{&quot;id&quot;:&quot;adb2b743-42a8-4497-a579-2fe236bed4b1&quot;}}" title="UserProfile.Name">
            <a:extLst>
              <a:ext uri="{FF2B5EF4-FFF2-40B4-BE49-F238E27FC236}">
                <a16:creationId xmlns:a16="http://schemas.microsoft.com/office/drawing/2014/main" id="{F87BE626-DDBA-4A5D-A260-B4DD66E00F3E}"/>
              </a:ext>
            </a:extLst>
          </p:cNvPr>
          <p:cNvSpPr/>
          <p:nvPr userDrawn="1"/>
        </p:nvSpPr>
        <p:spPr>
          <a:xfrm>
            <a:off x="6110859" y="6016601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0" noProof="0" dirty="0">
                <a:solidFill>
                  <a:schemeClr val="accent1"/>
                </a:solidFill>
              </a:rPr>
              <a:t>Ib Helmer Nielsen</a:t>
            </a:r>
          </a:p>
        </p:txBody>
      </p:sp>
      <p:sp>
        <p:nvSpPr>
          <p:cNvPr id="25" name="date" descr="{&quot;templafy&quot;:{&quot;id&quot;:&quot;011d3b68-0253-4799-8899-2378df74a45b&quot;}}" title="Form.Date">
            <a:extLst>
              <a:ext uri="{FF2B5EF4-FFF2-40B4-BE49-F238E27FC236}">
                <a16:creationId xmlns:a16="http://schemas.microsoft.com/office/drawing/2014/main" id="{3644BB6D-0E07-49AE-A599-12A9D3F03D52}"/>
              </a:ext>
            </a:extLst>
          </p:cNvPr>
          <p:cNvSpPr/>
          <p:nvPr userDrawn="1"/>
        </p:nvSpPr>
        <p:spPr>
          <a:xfrm>
            <a:off x="6110859" y="5870428"/>
            <a:ext cx="5508000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0" dirty="0">
                <a:solidFill>
                  <a:schemeClr val="accent1"/>
                </a:solidFill>
              </a:rPr>
              <a:t>19. oktober 2020</a:t>
            </a:r>
          </a:p>
        </p:txBody>
      </p:sp>
      <p:pic>
        <p:nvPicPr>
          <p:cNvPr id="649415747" name="image" descr="{&quot;templafy&quot;:{&quot;id&quot;:&quot;f01a040a-5089-4d98-a792-53de3d0729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2400" y="5896800"/>
            <a:ext cx="2545791" cy="392400"/>
          </a:xfrm>
          <a:prstGeom prst="rect">
            <a:avLst/>
          </a:prstGeom>
        </p:spPr>
      </p:pic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ECC3B2FA-4B7A-4038-8394-5F74577CB20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8" name="Footer Placeholder 4" hidden="1">
            <a:extLst>
              <a:ext uri="{FF2B5EF4-FFF2-40B4-BE49-F238E27FC236}">
                <a16:creationId xmlns:a16="http://schemas.microsoft.com/office/drawing/2014/main" id="{38264C62-7B46-417D-A0C3-3A6CF30ECE2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9" name="Slide Number Placeholder 5" hidden="1">
            <a:extLst>
              <a:ext uri="{FF2B5EF4-FFF2-40B4-BE49-F238E27FC236}">
                <a16:creationId xmlns:a16="http://schemas.microsoft.com/office/drawing/2014/main" id="{514CB69D-8359-454B-942B-E38762398C9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pstilling med 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87000"/>
              </a:lnSpc>
              <a:defRPr sz="3600"/>
            </a:lvl1pPr>
          </a:lstStyle>
          <a:p>
            <a:r>
              <a:rPr lang="da-DK" noProof="0" dirty="0"/>
              <a:t>Klik for at tilføje agenda titel</a:t>
            </a:r>
            <a:endParaRPr lang="da-DK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1017271" y="1605597"/>
            <a:ext cx="738000" cy="68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4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da-DK" noProof="0" dirty="0"/>
              <a:t>01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6D7DE8D1-19BC-4070-8D36-5A696671BC7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840865" y="1661282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8CDF22BE-5801-48C2-A6B5-4576332A97D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17271" y="3899351"/>
            <a:ext cx="738000" cy="68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4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da-DK" noProof="0" dirty="0"/>
              <a:t>02</a:t>
            </a:r>
            <a:endParaRPr lang="da-DK"/>
          </a:p>
        </p:txBody>
      </p:sp>
      <p:sp>
        <p:nvSpPr>
          <p:cNvPr id="16" name="Pladsholder til tekst 12">
            <a:extLst>
              <a:ext uri="{FF2B5EF4-FFF2-40B4-BE49-F238E27FC236}">
                <a16:creationId xmlns:a16="http://schemas.microsoft.com/office/drawing/2014/main" id="{2C11E6A8-4A8B-4505-9271-9416E3A901DC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840865" y="3955036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1F02687-CD26-4E8E-9225-DB7A0FF1480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778074" y="1605597"/>
            <a:ext cx="738000" cy="68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4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da-DK" noProof="0" dirty="0"/>
              <a:t>03</a:t>
            </a:r>
            <a:endParaRPr lang="da-DK"/>
          </a:p>
        </p:txBody>
      </p:sp>
      <p:sp>
        <p:nvSpPr>
          <p:cNvPr id="18" name="Pladsholder til tekst 12">
            <a:extLst>
              <a:ext uri="{FF2B5EF4-FFF2-40B4-BE49-F238E27FC236}">
                <a16:creationId xmlns:a16="http://schemas.microsoft.com/office/drawing/2014/main" id="{3AF64B71-9B5C-4752-930A-6B28B278E19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601668" y="1661282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3FF36508-58FB-4140-A8F9-90222E66984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778074" y="3899351"/>
            <a:ext cx="738000" cy="68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4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da-DK" noProof="0" dirty="0"/>
              <a:t>04</a:t>
            </a:r>
            <a:endParaRPr lang="da-DK"/>
          </a:p>
        </p:txBody>
      </p:sp>
      <p:sp>
        <p:nvSpPr>
          <p:cNvPr id="23" name="Pladsholder til tekst 12">
            <a:extLst>
              <a:ext uri="{FF2B5EF4-FFF2-40B4-BE49-F238E27FC236}">
                <a16:creationId xmlns:a16="http://schemas.microsoft.com/office/drawing/2014/main" id="{6D8C1071-B58C-4E5F-843D-623ACF5E9B3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01668" y="3955036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4BCDE49B-0262-4ECC-A128-926586FF46BA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526089" y="1605597"/>
            <a:ext cx="738000" cy="68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4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da-DK" noProof="0" dirty="0"/>
              <a:t>05</a:t>
            </a:r>
            <a:endParaRPr lang="da-DK"/>
          </a:p>
        </p:txBody>
      </p:sp>
      <p:sp>
        <p:nvSpPr>
          <p:cNvPr id="25" name="Pladsholder til tekst 12">
            <a:extLst>
              <a:ext uri="{FF2B5EF4-FFF2-40B4-BE49-F238E27FC236}">
                <a16:creationId xmlns:a16="http://schemas.microsoft.com/office/drawing/2014/main" id="{FD3DF74B-B8A0-4557-9A75-D3F857C8BDB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349683" y="1661282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C20FD0AB-B41F-4A19-B1EE-51D71588F24B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526089" y="3899351"/>
            <a:ext cx="738000" cy="68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4"/>
                </a:solidFill>
                <a:latin typeface="Arial Black" panose="020B0A04020102020204" pitchFamily="34" charset="0"/>
              </a:defRPr>
            </a:lvl1pPr>
            <a:lvl2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 b="1"/>
            </a:lvl2pPr>
            <a:lvl3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4pPr>
            <a:lvl5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6pPr>
            <a:lvl7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7pPr>
            <a:lvl8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8pPr>
            <a:lvl9pPr marL="0" indent="0">
              <a:spcBef>
                <a:spcPts val="120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pPr lvl="0"/>
            <a:r>
              <a:rPr lang="da-DK" noProof="0" dirty="0"/>
              <a:t>06</a:t>
            </a:r>
            <a:endParaRPr lang="da-DK"/>
          </a:p>
        </p:txBody>
      </p:sp>
      <p:sp>
        <p:nvSpPr>
          <p:cNvPr id="27" name="Pladsholder til tekst 12">
            <a:extLst>
              <a:ext uri="{FF2B5EF4-FFF2-40B4-BE49-F238E27FC236}">
                <a16:creationId xmlns:a16="http://schemas.microsoft.com/office/drawing/2014/main" id="{B96EFAE3-B4C5-45D7-9979-3B0A1F986A0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349683" y="3955036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4798A9E-5939-4F7B-8DA7-C54216170A6A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C6A4559-A0AF-489D-8109-776B175936D3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5488F280-5E91-4E2B-AC08-70C2068E090B}"/>
              </a:ext>
            </a:extLst>
          </p:cNvPr>
          <p:cNvSpPr>
            <a:spLocks noGrp="1"/>
          </p:cNvSpPr>
          <p:nvPr>
            <p:ph type="dt" sz="half" idx="28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pstilling med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87000"/>
              </a:lnSpc>
              <a:defRPr sz="3600"/>
            </a:lvl1pPr>
          </a:lstStyle>
          <a:p>
            <a:r>
              <a:rPr lang="da-DK" noProof="0" dirty="0"/>
              <a:t>Klik for at tilføje agenda titel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6D7DE8D1-19BC-4070-8D36-5A696671BC7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840865" y="1661282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6" name="Pladsholder til tekst 12">
            <a:extLst>
              <a:ext uri="{FF2B5EF4-FFF2-40B4-BE49-F238E27FC236}">
                <a16:creationId xmlns:a16="http://schemas.microsoft.com/office/drawing/2014/main" id="{2C11E6A8-4A8B-4505-9271-9416E3A901DC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840865" y="3955036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8" name="Pladsholder til tekst 12">
            <a:extLst>
              <a:ext uri="{FF2B5EF4-FFF2-40B4-BE49-F238E27FC236}">
                <a16:creationId xmlns:a16="http://schemas.microsoft.com/office/drawing/2014/main" id="{3AF64B71-9B5C-4752-930A-6B28B278E19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601668" y="1661282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23" name="Pladsholder til tekst 12">
            <a:extLst>
              <a:ext uri="{FF2B5EF4-FFF2-40B4-BE49-F238E27FC236}">
                <a16:creationId xmlns:a16="http://schemas.microsoft.com/office/drawing/2014/main" id="{6D8C1071-B58C-4E5F-843D-623ACF5E9B3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01668" y="3955036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25" name="Pladsholder til tekst 12">
            <a:extLst>
              <a:ext uri="{FF2B5EF4-FFF2-40B4-BE49-F238E27FC236}">
                <a16:creationId xmlns:a16="http://schemas.microsoft.com/office/drawing/2014/main" id="{FD3DF74B-B8A0-4557-9A75-D3F857C8BDB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349683" y="1661282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27" name="Pladsholder til tekst 12">
            <a:extLst>
              <a:ext uri="{FF2B5EF4-FFF2-40B4-BE49-F238E27FC236}">
                <a16:creationId xmlns:a16="http://schemas.microsoft.com/office/drawing/2014/main" id="{B96EFAE3-B4C5-45D7-9979-3B0A1F986A0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349683" y="3955036"/>
            <a:ext cx="2268000" cy="1767718"/>
          </a:xfrm>
        </p:spPr>
        <p:txBody>
          <a:bodyPr/>
          <a:lstStyle>
            <a:lvl1pPr marL="0" indent="0">
              <a:lnSpc>
                <a:spcPct val="99000"/>
              </a:lnSpc>
              <a:buFont typeface="Arial" panose="020B0604020202020204" pitchFamily="34" charset="0"/>
              <a:buChar char="​"/>
              <a:defRPr sz="1600"/>
            </a:lvl1pPr>
            <a:lvl2pPr marL="432000" indent="-216000">
              <a:lnSpc>
                <a:spcPct val="99000"/>
              </a:lnSpc>
              <a:spcAft>
                <a:spcPts val="600"/>
              </a:spcAft>
              <a:defRPr sz="1600"/>
            </a:lvl2pPr>
            <a:lvl3pPr marL="648000" indent="-216000">
              <a:lnSpc>
                <a:spcPct val="99000"/>
              </a:lnSpc>
              <a:spcAft>
                <a:spcPts val="600"/>
              </a:spcAft>
              <a:defRPr sz="1600"/>
            </a:lvl3pPr>
            <a:lvl4pPr marL="864000" indent="-216000">
              <a:lnSpc>
                <a:spcPct val="99000"/>
              </a:lnSpc>
              <a:spcAft>
                <a:spcPts val="600"/>
              </a:spcAft>
              <a:defRPr sz="1600"/>
            </a:lvl4pPr>
            <a:lvl5pPr marL="1152000" indent="-216000">
              <a:lnSpc>
                <a:spcPct val="99000"/>
              </a:lnSpc>
              <a:spcAft>
                <a:spcPts val="600"/>
              </a:spcAft>
              <a:defRPr sz="1600"/>
            </a:lvl5pPr>
            <a:lvl6pPr marL="216000" indent="-216000">
              <a:lnSpc>
                <a:spcPct val="99000"/>
              </a:lnSpc>
              <a:spcAft>
                <a:spcPts val="600"/>
              </a:spcAft>
              <a:defRPr sz="1600"/>
            </a:lvl6pPr>
            <a:lvl7pPr marL="216000" indent="-216000">
              <a:lnSpc>
                <a:spcPct val="99000"/>
              </a:lnSpc>
              <a:spcAft>
                <a:spcPts val="600"/>
              </a:spcAft>
              <a:defRPr sz="1600"/>
            </a:lvl7pPr>
            <a:lvl8pPr marL="216000" indent="-216000">
              <a:lnSpc>
                <a:spcPct val="99000"/>
              </a:lnSpc>
              <a:spcAft>
                <a:spcPts val="600"/>
              </a:spcAft>
              <a:defRPr sz="1600"/>
            </a:lvl8pPr>
            <a:lvl9pPr marL="216000" indent="-216000">
              <a:lnSpc>
                <a:spcPct val="99000"/>
              </a:lnSpc>
              <a:spcAft>
                <a:spcPts val="600"/>
              </a:spcAft>
              <a:defRPr sz="1600"/>
            </a:lvl9pPr>
          </a:lstStyle>
          <a:p>
            <a:pPr lvl="0"/>
            <a:r>
              <a:rPr lang="da-DK" noProof="0" dirty="0"/>
              <a:t>Klik og indsæt tekst</a:t>
            </a:r>
            <a:endParaRPr lang="da-DK" dirty="0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424FD71A-E806-4743-B357-5273A113A562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928259" y="1707874"/>
            <a:ext cx="720000" cy="720000"/>
          </a:xfrm>
        </p:spPr>
        <p:txBody>
          <a:bodyPr/>
          <a:lstStyle>
            <a:lvl1pPr marL="0" indent="0">
              <a:buNone/>
              <a:defRPr sz="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.</a:t>
            </a:r>
            <a:endParaRPr lang="da-DK"/>
          </a:p>
        </p:txBody>
      </p:sp>
      <p:sp>
        <p:nvSpPr>
          <p:cNvPr id="20" name="Picture Placeholder 3">
            <a:extLst>
              <a:ext uri="{FF2B5EF4-FFF2-40B4-BE49-F238E27FC236}">
                <a16:creationId xmlns:a16="http://schemas.microsoft.com/office/drawing/2014/main" id="{2C379955-C115-400C-9077-E3763027034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928259" y="4001628"/>
            <a:ext cx="720000" cy="720000"/>
          </a:xfrm>
        </p:spPr>
        <p:txBody>
          <a:bodyPr/>
          <a:lstStyle>
            <a:lvl1pPr marL="0" indent="0">
              <a:buNone/>
              <a:defRPr sz="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.</a:t>
            </a:r>
            <a:endParaRPr lang="da-DK"/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44B2132C-6422-4C3C-AACF-7DE6A5CAA4E3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689062" y="1707874"/>
            <a:ext cx="720000" cy="720000"/>
          </a:xfrm>
        </p:spPr>
        <p:txBody>
          <a:bodyPr/>
          <a:lstStyle>
            <a:lvl1pPr marL="0" indent="0">
              <a:buNone/>
              <a:defRPr sz="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.</a:t>
            </a:r>
            <a:endParaRPr lang="da-DK"/>
          </a:p>
        </p:txBody>
      </p:sp>
      <p:sp>
        <p:nvSpPr>
          <p:cNvPr id="28" name="Picture Placeholder 3">
            <a:extLst>
              <a:ext uri="{FF2B5EF4-FFF2-40B4-BE49-F238E27FC236}">
                <a16:creationId xmlns:a16="http://schemas.microsoft.com/office/drawing/2014/main" id="{2CC462DF-675A-45F3-947B-DA3B7AF6AF59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4689062" y="4001628"/>
            <a:ext cx="720000" cy="720000"/>
          </a:xfrm>
        </p:spPr>
        <p:txBody>
          <a:bodyPr/>
          <a:lstStyle>
            <a:lvl1pPr marL="0" indent="0">
              <a:buNone/>
              <a:defRPr sz="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.</a:t>
            </a:r>
            <a:endParaRPr lang="da-DK"/>
          </a:p>
        </p:txBody>
      </p:sp>
      <p:sp>
        <p:nvSpPr>
          <p:cNvPr id="29" name="Picture Placeholder 3">
            <a:extLst>
              <a:ext uri="{FF2B5EF4-FFF2-40B4-BE49-F238E27FC236}">
                <a16:creationId xmlns:a16="http://schemas.microsoft.com/office/drawing/2014/main" id="{53986773-31D3-4F95-98FD-77600A90A618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37077" y="1707874"/>
            <a:ext cx="720000" cy="720000"/>
          </a:xfrm>
        </p:spPr>
        <p:txBody>
          <a:bodyPr/>
          <a:lstStyle>
            <a:lvl1pPr marL="0" indent="0">
              <a:buNone/>
              <a:defRPr sz="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.</a:t>
            </a:r>
            <a:endParaRPr lang="da-DK"/>
          </a:p>
        </p:txBody>
      </p:sp>
      <p:sp>
        <p:nvSpPr>
          <p:cNvPr id="30" name="Picture Placeholder 3">
            <a:extLst>
              <a:ext uri="{FF2B5EF4-FFF2-40B4-BE49-F238E27FC236}">
                <a16:creationId xmlns:a16="http://schemas.microsoft.com/office/drawing/2014/main" id="{E8B36664-E36E-4172-8AAF-C5D7998AD759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8437077" y="4001628"/>
            <a:ext cx="720000" cy="720000"/>
          </a:xfrm>
        </p:spPr>
        <p:txBody>
          <a:bodyPr/>
          <a:lstStyle>
            <a:lvl1pPr marL="0" indent="0">
              <a:buNone/>
              <a:defRPr sz="1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.</a:t>
            </a:r>
            <a:endParaRPr lang="da-DK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684A0E9-3671-417F-BDC2-FF360AFB5F7D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50690A3-6897-4CA9-B2B6-F165D817E63D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431D296C-F5D3-4132-A7DF-E3AC65B0823E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968573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D0107FF-DA66-4605-966E-B852F496F2D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31F6228-5694-40C9-A0C2-3E1913D8D88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8E06CC4C-7A01-43BB-8AB2-D43757359E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 Brand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>
            <a:extLst>
              <a:ext uri="{FF2B5EF4-FFF2-40B4-BE49-F238E27FC236}">
                <a16:creationId xmlns:a16="http://schemas.microsoft.com/office/drawing/2014/main" id="{8E8BC2DE-3155-4857-BC95-688504281A22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cxnSp>
        <p:nvCxnSpPr>
          <p:cNvPr id="11" name="Lige forbindelse 10">
            <a:extLst>
              <a:ext uri="{FF2B5EF4-FFF2-40B4-BE49-F238E27FC236}">
                <a16:creationId xmlns:a16="http://schemas.microsoft.com/office/drawing/2014/main" id="{91F87931-954E-465D-831D-2B8F3EE60D73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Slide Number Placeholder 5">
            <a:extLst>
              <a:ext uri="{FF2B5EF4-FFF2-40B4-BE49-F238E27FC236}">
                <a16:creationId xmlns:a16="http://schemas.microsoft.com/office/drawing/2014/main" id="{4E214C4B-B313-4E6F-BEC2-C6B7717747F3}"/>
              </a:ext>
            </a:extLst>
          </p:cNvPr>
          <p:cNvSpPr txBox="1">
            <a:spLocks/>
          </p:cNvSpPr>
          <p:nvPr userDrawn="1"/>
        </p:nvSpPr>
        <p:spPr>
          <a:xfrm>
            <a:off x="11185357" y="5823368"/>
            <a:ext cx="434241" cy="518418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8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D0107FF-DA66-4605-966E-B852F496F2D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>
              <a:solidFill>
                <a:schemeClr val="bg1"/>
              </a:solidFill>
            </a:endParaRPr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8E06CC4C-7A01-43BB-8AB2-D43757359E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text" descr="{&quot;templafy&quot;:{&quot;id&quot;:&quot;ddabdb1f-56e3-4b6c-aa3f-0737e60b20a7&quot;}}" title="UserProfile.Street.Department_{{DocumentLanguage}}">
            <a:extLst>
              <a:ext uri="{FF2B5EF4-FFF2-40B4-BE49-F238E27FC236}">
                <a16:creationId xmlns:a16="http://schemas.microsoft.com/office/drawing/2014/main" id="{ABAC620C-310E-4AFE-BF8A-4A7018B90AFA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T-uddannelserne</a:t>
            </a:r>
          </a:p>
        </p:txBody>
      </p:sp>
      <p:sp>
        <p:nvSpPr>
          <p:cNvPr id="5" name="name" descr="{&quot;templafy&quot;:{&quot;id&quot;:&quot;3ad5da40-b162-4b9c-8e19-c824ae306edf&quot;}}" title="UserProfile.Name">
            <a:extLst>
              <a:ext uri="{FF2B5EF4-FFF2-40B4-BE49-F238E27FC236}">
                <a16:creationId xmlns:a16="http://schemas.microsoft.com/office/drawing/2014/main" id="{92C975E3-20E6-4D15-B2A5-B86A8CE61B3F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bg1"/>
                </a:solidFill>
              </a:rPr>
              <a:t>Ib Helmer Nielsen</a:t>
            </a:r>
          </a:p>
        </p:txBody>
      </p:sp>
      <p:pic>
        <p:nvPicPr>
          <p:cNvPr id="1452336436" name="image" descr="{&quot;templafy&quot;:{&quot;id&quot;:&quot;d5eec61c-ab12-49e1-a909-726380c138d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2400" y="5896800"/>
            <a:ext cx="2515790" cy="39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1429882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sobjek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ggrund">
            <a:extLst>
              <a:ext uri="{FF2B5EF4-FFF2-40B4-BE49-F238E27FC236}">
                <a16:creationId xmlns:a16="http://schemas.microsoft.com/office/drawing/2014/main" id="{0A218D75-E068-4B99-BA3D-B9646F2C76DC}"/>
              </a:ext>
            </a:extLst>
          </p:cNvPr>
          <p:cNvSpPr/>
          <p:nvPr userDrawn="1"/>
        </p:nvSpPr>
        <p:spPr>
          <a:xfrm>
            <a:off x="8126728" y="0"/>
            <a:ext cx="4066472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668E8CF5-C426-4878-8555-FDCEE19AE4A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126728" y="0"/>
            <a:ext cx="4065271" cy="6858000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da-DK" noProof="0" dirty="0"/>
              <a:t>Klik på billederammen for at indsætte et billede – via Templafy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72399" y="540000"/>
            <a:ext cx="6981197" cy="910800"/>
          </a:xfrm>
        </p:spPr>
        <p:txBody>
          <a:bodyPr/>
          <a:lstStyle/>
          <a:p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B1F46162-0F61-4C68-AE6F-6A8FEE219E50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72400" y="1659599"/>
            <a:ext cx="6980400" cy="4053600"/>
          </a:xfrm>
        </p:spPr>
        <p:txBody>
          <a:bodyPr/>
          <a:lstStyle/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9FED55A1-C693-44AD-AF36-4066F9E7208F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" name="Pladsholder til sidefod 10" hidden="1">
            <a:extLst>
              <a:ext uri="{FF2B5EF4-FFF2-40B4-BE49-F238E27FC236}">
                <a16:creationId xmlns:a16="http://schemas.microsoft.com/office/drawing/2014/main" id="{B4FE5BB7-70E5-4BD8-801A-8E70BD909A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5" hidden="1">
            <a:extLst>
              <a:ext uri="{FF2B5EF4-FFF2-40B4-BE49-F238E27FC236}">
                <a16:creationId xmlns:a16="http://schemas.microsoft.com/office/drawing/2014/main" id="{9F49CD16-43F8-4F13-AB9C-AD7E310E718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5976666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image" Target="../media/image2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image" Target="../media/image1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2399" y="540000"/>
            <a:ext cx="11048400" cy="9108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endParaRPr lang="da-DK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72400" y="1659599"/>
            <a:ext cx="11048400" cy="4053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Level 1</a:t>
            </a:r>
            <a:endParaRPr lang="da-DK"/>
          </a:p>
          <a:p>
            <a:pPr lvl="1"/>
            <a:r>
              <a:rPr lang="da-DK" noProof="0" dirty="0"/>
              <a:t>Level 2</a:t>
            </a:r>
            <a:endParaRPr lang="da-DK"/>
          </a:p>
          <a:p>
            <a:pPr lvl="2"/>
            <a:r>
              <a:rPr lang="da-DK" noProof="0" dirty="0"/>
              <a:t>Level 3</a:t>
            </a:r>
            <a:endParaRPr lang="da-DK"/>
          </a:p>
          <a:p>
            <a:pPr lvl="3"/>
            <a:r>
              <a:rPr lang="da-DK" noProof="0" dirty="0"/>
              <a:t>Level 4</a:t>
            </a:r>
            <a:endParaRPr lang="da-DK"/>
          </a:p>
          <a:p>
            <a:pPr lvl="4"/>
            <a:r>
              <a:rPr lang="da-DK" noProof="0" dirty="0"/>
              <a:t>Level 5</a:t>
            </a:r>
            <a:endParaRPr lang="da-DK"/>
          </a:p>
          <a:p>
            <a:pPr lvl="5"/>
            <a:r>
              <a:rPr lang="da-DK" noProof="0" dirty="0"/>
              <a:t>Level 6</a:t>
            </a:r>
            <a:endParaRPr lang="da-DK"/>
          </a:p>
          <a:p>
            <a:pPr lvl="6"/>
            <a:r>
              <a:rPr lang="da-DK" noProof="0" dirty="0"/>
              <a:t>Level 7</a:t>
            </a:r>
            <a:endParaRPr lang="da-DK"/>
          </a:p>
          <a:p>
            <a:pPr lvl="7"/>
            <a:r>
              <a:rPr lang="da-DK" noProof="0" dirty="0"/>
              <a:t>Level 8</a:t>
            </a:r>
            <a:endParaRPr lang="da-DK"/>
          </a:p>
          <a:p>
            <a:pPr lvl="8"/>
            <a:r>
              <a:rPr lang="da-DK" noProof="0" dirty="0"/>
              <a:t>Level 9</a:t>
            </a:r>
            <a:endParaRPr lang="da-DK"/>
          </a:p>
        </p:txBody>
      </p:sp>
      <p:cxnSp>
        <p:nvCxnSpPr>
          <p:cNvPr id="13" name="Lige forbindelse 12">
            <a:extLst>
              <a:ext uri="{FF2B5EF4-FFF2-40B4-BE49-F238E27FC236}">
                <a16:creationId xmlns:a16="http://schemas.microsoft.com/office/drawing/2014/main" id="{17218222-E267-4BB2-8B16-3365F77E76FA}"/>
              </a:ext>
            </a:extLst>
          </p:cNvPr>
          <p:cNvCxnSpPr/>
          <p:nvPr userDrawn="1"/>
        </p:nvCxnSpPr>
        <p:spPr>
          <a:xfrm>
            <a:off x="11175833" y="6062400"/>
            <a:ext cx="0" cy="22320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" descr="{&quot;templafy&quot;:{&quot;id&quot;:&quot;b3ab3b68-07d7-412c-a8d8-05187ba73443&quot;}}" title="UserProfile.Street.Department_{{DocumentLanguage}}">
            <a:extLst>
              <a:ext uri="{FF2B5EF4-FFF2-40B4-BE49-F238E27FC236}">
                <a16:creationId xmlns:a16="http://schemas.microsoft.com/office/drawing/2014/main" id="{153823DA-075C-4C52-9F0C-0793B4FB697C}"/>
              </a:ext>
            </a:extLst>
          </p:cNvPr>
          <p:cNvSpPr/>
          <p:nvPr userDrawn="1"/>
        </p:nvSpPr>
        <p:spPr>
          <a:xfrm>
            <a:off x="7232513" y="6172506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accent1"/>
                </a:solidFill>
              </a:rPr>
              <a:t>IT-uddannelserne</a:t>
            </a:r>
          </a:p>
        </p:txBody>
      </p:sp>
      <p:sp>
        <p:nvSpPr>
          <p:cNvPr id="15" name="name" descr="{&quot;templafy&quot;:{&quot;id&quot;:&quot;00eeae4a-0b54-4f9d-b418-f68f93a37eb4&quot;}}" title="UserProfile.Name">
            <a:extLst>
              <a:ext uri="{FF2B5EF4-FFF2-40B4-BE49-F238E27FC236}">
                <a16:creationId xmlns:a16="http://schemas.microsoft.com/office/drawing/2014/main" id="{6E3758D2-74FA-4482-B4DA-C794F9CEDE85}"/>
              </a:ext>
            </a:extLst>
          </p:cNvPr>
          <p:cNvSpPr/>
          <p:nvPr userDrawn="1"/>
        </p:nvSpPr>
        <p:spPr>
          <a:xfrm>
            <a:off x="7232513" y="6026333"/>
            <a:ext cx="3844162" cy="1457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0" noProof="0" dirty="0">
                <a:solidFill>
                  <a:schemeClr val="accent1"/>
                </a:solidFill>
              </a:rPr>
              <a:t>Ib Helmer Nielsen</a:t>
            </a:r>
          </a:p>
        </p:txBody>
      </p:sp>
      <p:pic>
        <p:nvPicPr>
          <p:cNvPr id="1899671746" name="image" descr="{&quot;templafy&quot;:{&quot;id&quot;:&quot;fd036f81-2110-4d13-8765-638a2b3b3f98&quot;}}"/>
          <p:cNvPicPr>
            <a:picLocks noChangeAspect="1"/>
          </p:cNvPicPr>
          <p:nvPr/>
        </p:nvPicPr>
        <p:blipFill>
          <a:blip r:embed="rId28"/>
          <a:stretch>
            <a:fillRect/>
          </a:stretch>
        </p:blipFill>
        <p:spPr>
          <a:xfrm>
            <a:off x="572400" y="5896800"/>
            <a:ext cx="2545791" cy="39240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185357" y="5823368"/>
            <a:ext cx="434241" cy="518418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800">
                <a:solidFill>
                  <a:schemeClr val="accent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6" name="Date Placeholder 3" hidden="1">
            <a:extLst>
              <a:ext uri="{FF2B5EF4-FFF2-40B4-BE49-F238E27FC236}">
                <a16:creationId xmlns:a16="http://schemas.microsoft.com/office/drawing/2014/main" id="{2F29BA83-A4F5-41AE-9C9F-E8CFC0DF4CFB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7" name="Footer Placeholder 4">
            <a:extLst>
              <a:ext uri="{FF2B5EF4-FFF2-40B4-BE49-F238E27FC236}">
                <a16:creationId xmlns:a16="http://schemas.microsoft.com/office/drawing/2014/main" id="{684ECA6D-5294-41BB-91C1-F71AD6ADE77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689031" y="6403783"/>
            <a:ext cx="5905696" cy="1476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900">
                <a:solidFill>
                  <a:schemeClr val="accent1"/>
                </a:solidFill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63" r:id="rId2"/>
    <p:sldLayoutId id="2147483764" r:id="rId3"/>
    <p:sldLayoutId id="2147483730" r:id="rId4"/>
    <p:sldLayoutId id="2147483737" r:id="rId5"/>
    <p:sldLayoutId id="2147483780" r:id="rId6"/>
    <p:sldLayoutId id="2147483732" r:id="rId7"/>
    <p:sldLayoutId id="2147483781" r:id="rId8"/>
    <p:sldLayoutId id="2147483777" r:id="rId9"/>
    <p:sldLayoutId id="2147483778" r:id="rId10"/>
    <p:sldLayoutId id="2147483735" r:id="rId11"/>
    <p:sldLayoutId id="2147483757" r:id="rId12"/>
    <p:sldLayoutId id="2147483766" r:id="rId13"/>
    <p:sldLayoutId id="2147483731" r:id="rId14"/>
    <p:sldLayoutId id="2147483770" r:id="rId15"/>
    <p:sldLayoutId id="2147483779" r:id="rId16"/>
    <p:sldLayoutId id="2147483771" r:id="rId17"/>
    <p:sldLayoutId id="2147483772" r:id="rId18"/>
    <p:sldLayoutId id="2147483773" r:id="rId19"/>
    <p:sldLayoutId id="2147483774" r:id="rId20"/>
    <p:sldLayoutId id="2147483775" r:id="rId21"/>
    <p:sldLayoutId id="2147483776" r:id="rId22"/>
    <p:sldLayoutId id="2147483743" r:id="rId23"/>
    <p:sldLayoutId id="2147483744" r:id="rId24"/>
    <p:sldLayoutId id="2147483759" r:id="rId25"/>
    <p:sldLayoutId id="2147483753" r:id="rId26"/>
  </p:sldLayoutIdLst>
  <p:hf hdr="0" ftr="0"/>
  <p:txStyles>
    <p:titleStyle>
      <a:lvl1pPr algn="l" defTabSz="914400" rtl="0" eaLnBrk="1" latinLnBrk="0" hangingPunct="1">
        <a:lnSpc>
          <a:spcPct val="88000"/>
        </a:lnSpc>
        <a:spcBef>
          <a:spcPct val="0"/>
        </a:spcBef>
        <a:buNone/>
        <a:defRPr sz="3600" b="1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360000" indent="-360000" algn="l" defTabSz="914400" rtl="0" eaLnBrk="1" latinLnBrk="0" hangingPunct="1">
        <a:lnSpc>
          <a:spcPct val="104000"/>
        </a:lnSpc>
        <a:spcBef>
          <a:spcPts val="0"/>
        </a:spcBef>
        <a:spcAft>
          <a:spcPts val="1417"/>
        </a:spcAft>
        <a:buClr>
          <a:schemeClr val="accent4"/>
        </a:buClr>
        <a:buFont typeface="Verdana" panose="020B0604030504040204" pitchFamily="34" charset="0"/>
        <a:buChar char="●"/>
        <a:defRPr sz="24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1417"/>
        </a:spcAft>
        <a:buClr>
          <a:schemeClr val="accent4"/>
        </a:buClr>
        <a:buFont typeface="Verdana" panose="020B0604030504040204" pitchFamily="34" charset="0"/>
        <a:buChar char="●"/>
        <a:defRPr sz="20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108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1417"/>
        </a:spcAft>
        <a:buClr>
          <a:schemeClr val="accent4"/>
        </a:buClr>
        <a:buFont typeface="Verdana" panose="020B0604030504040204" pitchFamily="34" charset="0"/>
        <a:buChar char="●"/>
        <a:defRPr sz="18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144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1417"/>
        </a:spcAft>
        <a:buClr>
          <a:schemeClr val="accent4"/>
        </a:buClr>
        <a:buFont typeface="Verdana" panose="020B0604030504040204" pitchFamily="34" charset="0"/>
        <a:buChar char="●"/>
        <a:defRPr sz="1600" b="0" kern="1200">
          <a:solidFill>
            <a:schemeClr val="accent1"/>
          </a:solidFill>
          <a:latin typeface="+mn-lt"/>
          <a:ea typeface="+mn-ea"/>
          <a:cs typeface="+mn-cs"/>
        </a:defRPr>
      </a:lvl4pPr>
      <a:lvl5pPr marL="180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1417"/>
        </a:spcAft>
        <a:buClr>
          <a:schemeClr val="accent4"/>
        </a:buClr>
        <a:buFont typeface="Verdana" panose="020B0604030504040204" pitchFamily="34" charset="0"/>
        <a:buChar char="●"/>
        <a:tabLst/>
        <a:defRPr sz="1400" kern="1200">
          <a:solidFill>
            <a:schemeClr val="accent1"/>
          </a:solidFill>
          <a:latin typeface="+mn-lt"/>
          <a:ea typeface="+mn-ea"/>
          <a:cs typeface="+mn-cs"/>
        </a:defRPr>
      </a:lvl5pPr>
      <a:lvl6pPr marL="360000" indent="-360000" algn="l" defTabSz="914400" rtl="0" eaLnBrk="1" latinLnBrk="0" hangingPunct="1">
        <a:lnSpc>
          <a:spcPct val="97000"/>
        </a:lnSpc>
        <a:spcBef>
          <a:spcPts val="0"/>
        </a:spcBef>
        <a:spcAft>
          <a:spcPts val="1417"/>
        </a:spcAft>
        <a:buClr>
          <a:schemeClr val="tx2"/>
        </a:buClr>
        <a:buSzPct val="90000"/>
        <a:buFontTx/>
        <a:buBlip>
          <a:blip r:embed="rId29"/>
        </a:buBlip>
        <a:defRPr sz="2400" b="0" kern="1200">
          <a:solidFill>
            <a:schemeClr val="accent1"/>
          </a:solidFill>
          <a:latin typeface="+mn-lt"/>
          <a:ea typeface="+mn-ea"/>
          <a:cs typeface="+mn-cs"/>
        </a:defRPr>
      </a:lvl6pPr>
      <a:lvl7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1417"/>
        </a:spcAft>
        <a:buClr>
          <a:schemeClr val="tx2"/>
        </a:buClr>
        <a:buSzPct val="90000"/>
        <a:buFontTx/>
        <a:buBlip>
          <a:blip r:embed="rId29"/>
        </a:buBlip>
        <a:defRPr sz="2000" b="0" kern="1200" baseline="0">
          <a:solidFill>
            <a:schemeClr val="accent1"/>
          </a:solidFill>
          <a:latin typeface="+mn-lt"/>
          <a:ea typeface="+mn-ea"/>
          <a:cs typeface="+mn-cs"/>
        </a:defRPr>
      </a:lvl7pPr>
      <a:lvl8pPr marL="1080000" indent="-360000" algn="l" defTabSz="914400" rtl="0" eaLnBrk="1" latinLnBrk="0" hangingPunct="1">
        <a:lnSpc>
          <a:spcPct val="101000"/>
        </a:lnSpc>
        <a:spcBef>
          <a:spcPts val="0"/>
        </a:spcBef>
        <a:spcAft>
          <a:spcPts val="1417"/>
        </a:spcAft>
        <a:buClr>
          <a:schemeClr val="tx2"/>
        </a:buClr>
        <a:buSzPct val="90000"/>
        <a:buFontTx/>
        <a:buBlip>
          <a:blip r:embed="rId29"/>
        </a:buBlip>
        <a:defRPr sz="1800" b="0" kern="1200">
          <a:solidFill>
            <a:schemeClr val="accent1"/>
          </a:solidFill>
          <a:latin typeface="+mn-lt"/>
          <a:ea typeface="+mn-ea"/>
          <a:cs typeface="+mn-cs"/>
        </a:defRPr>
      </a:lvl8pPr>
      <a:lvl9pPr marL="1440000" indent="-360000" algn="l" defTabSz="914400" rtl="0" eaLnBrk="1" latinLnBrk="0" hangingPunct="1">
        <a:lnSpc>
          <a:spcPct val="104000"/>
        </a:lnSpc>
        <a:spcBef>
          <a:spcPts val="0"/>
        </a:spcBef>
        <a:spcAft>
          <a:spcPts val="1417"/>
        </a:spcAft>
        <a:buClr>
          <a:schemeClr val="tx2"/>
        </a:buClr>
        <a:buSzPct val="90000"/>
        <a:buFontTx/>
        <a:buBlip>
          <a:blip r:embed="rId29"/>
        </a:buBlip>
        <a:defRPr sz="1600" b="0" kern="1200" baseline="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60" userDrawn="1">
          <p15:clr>
            <a:srgbClr val="F26B43"/>
          </p15:clr>
        </p15:guide>
        <p15:guide id="2" pos="7319" userDrawn="1">
          <p15:clr>
            <a:srgbClr val="F26B43"/>
          </p15:clr>
        </p15:guide>
        <p15:guide id="3" orient="horz" pos="340" userDrawn="1">
          <p15:clr>
            <a:srgbClr val="F26B43"/>
          </p15:clr>
        </p15:guide>
        <p15:guide id="5" orient="horz" pos="1045" userDrawn="1">
          <p15:clr>
            <a:srgbClr val="F26B43"/>
          </p15:clr>
        </p15:guide>
        <p15:guide id="6" orient="horz" pos="359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7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7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38.png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7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7.xml"/></Relationships>
</file>

<file path=ppt/slides/_rels/slide3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7.xml"/></Relationships>
</file>

<file path=ppt/slides/_rels/slide3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7" Type="http://schemas.openxmlformats.org/officeDocument/2006/relationships/image" Target="../media/image24.png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6" Type="http://schemas.openxmlformats.org/officeDocument/2006/relationships/image" Target="../media/image23.png"/><Relationship Id="rId5" Type="http://schemas.openxmlformats.org/officeDocument/2006/relationships/image" Target="../media/image22.png"/><Relationship Id="rId4" Type="http://schemas.openxmlformats.org/officeDocument/2006/relationships/image" Target="../media/image21.png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w3schools.com/python/" TargetMode="External"/><Relationship Id="rId2" Type="http://schemas.openxmlformats.org/officeDocument/2006/relationships/hyperlink" Target="https://www.raspberrypi.org/forums/index.php" TargetMode="External"/><Relationship Id="rId1" Type="http://schemas.openxmlformats.org/officeDocument/2006/relationships/slideLayout" Target="../slideLayouts/slideLayout7.xml"/></Relationships>
</file>

<file path=ppt/slides/_rels/slide4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7.xml"/></Relationships>
</file>

<file path=ppt/slides/_rels/slide4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jpe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7">
            <a:extLst>
              <a:ext uri="{FF2B5EF4-FFF2-40B4-BE49-F238E27FC236}">
                <a16:creationId xmlns:a16="http://schemas.microsoft.com/office/drawing/2014/main" id="{37B947AB-893C-4BB7-9207-FE10B5D6862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Klub Knoll Workshop, del 2</a:t>
            </a:r>
          </a:p>
        </p:txBody>
      </p:sp>
      <p:sp>
        <p:nvSpPr>
          <p:cNvPr id="9" name="Undertitel 8">
            <a:extLst>
              <a:ext uri="{FF2B5EF4-FFF2-40B4-BE49-F238E27FC236}">
                <a16:creationId xmlns:a16="http://schemas.microsoft.com/office/drawing/2014/main" id="{CF241905-F61E-4B9D-9D45-87503761EF3F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marL="342900" indent="-342900"/>
            <a:r>
              <a:rPr lang="da-DK" dirty="0" err="1"/>
              <a:t>MicroPython</a:t>
            </a:r>
            <a:r>
              <a:rPr lang="da-DK" dirty="0"/>
              <a:t>/Python	</a:t>
            </a:r>
          </a:p>
          <a:p>
            <a:pPr marL="342900" indent="-342900"/>
            <a:r>
              <a:rPr lang="da-DK" dirty="0"/>
              <a:t>Raspberry Pi Pico and Special Features</a:t>
            </a:r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1F9B50EE-ABF7-4844-A9CC-7CE462E2A46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 hidden="1">
            <a:extLst>
              <a:ext uri="{FF2B5EF4-FFF2-40B4-BE49-F238E27FC236}">
                <a16:creationId xmlns:a16="http://schemas.microsoft.com/office/drawing/2014/main" id="{95419466-D2D9-4298-9396-C30614B0872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374418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2CCB188-85EF-4443-A79E-11281747AB7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ython standard </a:t>
            </a:r>
            <a:r>
              <a:rPr lang="da-DK" dirty="0" err="1"/>
              <a:t>libraries</a:t>
            </a:r>
            <a:r>
              <a:rPr lang="da-DK" dirty="0"/>
              <a:t> and </a:t>
            </a:r>
            <a:r>
              <a:rPr lang="da-DK" dirty="0" err="1"/>
              <a:t>micro-libraries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D2C480D-9C95-45EE-8FCD-3D4793339CD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DC83EAB-EFC9-4534-A37F-5E88932A6CD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F213398A-4924-4C8C-91C9-C93106502B2A}"/>
              </a:ext>
            </a:extLst>
          </p:cNvPr>
          <p:cNvGraphicFramePr>
            <a:graphicFrameLocks noGrp="1"/>
          </p:cNvGraphicFramePr>
          <p:nvPr/>
        </p:nvGraphicFramePr>
        <p:xfrm>
          <a:off x="587414" y="1069861"/>
          <a:ext cx="10054646" cy="4562459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258172">
                  <a:extLst>
                    <a:ext uri="{9D8B030D-6E8A-4147-A177-3AD203B41FA5}">
                      <a16:colId xmlns:a16="http://schemas.microsoft.com/office/drawing/2014/main" val="698163818"/>
                    </a:ext>
                  </a:extLst>
                </a:gridCol>
                <a:gridCol w="7796474">
                  <a:extLst>
                    <a:ext uri="{9D8B030D-6E8A-4147-A177-3AD203B41FA5}">
                      <a16:colId xmlns:a16="http://schemas.microsoft.com/office/drawing/2014/main" val="550730418"/>
                    </a:ext>
                  </a:extLst>
                </a:gridCol>
              </a:tblGrid>
              <a:tr h="414769">
                <a:tc>
                  <a:txBody>
                    <a:bodyPr/>
                    <a:lstStyle/>
                    <a:p>
                      <a:r>
                        <a:rPr lang="da-DK" dirty="0" err="1"/>
                        <a:t>Name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Functionality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2016391"/>
                  </a:ext>
                </a:extLst>
              </a:tr>
              <a:tr h="414769">
                <a:tc>
                  <a:txBody>
                    <a:bodyPr/>
                    <a:lstStyle/>
                    <a:p>
                      <a:r>
                        <a:rPr lang="en-US" sz="1800" dirty="0"/>
                        <a:t>_thread 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Low-level threading API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19751629"/>
                  </a:ext>
                </a:extLst>
              </a:tr>
              <a:tr h="414769">
                <a:tc>
                  <a:txBody>
                    <a:bodyPr/>
                    <a:lstStyle/>
                    <a:p>
                      <a:r>
                        <a:rPr lang="en-US" sz="1800" dirty="0"/>
                        <a:t>array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/>
                        <a:t>arrays of numeric data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40681721"/>
                  </a:ext>
                </a:extLst>
              </a:tr>
              <a:tr h="414769">
                <a:tc>
                  <a:txBody>
                    <a:bodyPr/>
                    <a:lstStyle/>
                    <a:p>
                      <a:r>
                        <a:rPr lang="en-US" sz="1800" dirty="0" err="1"/>
                        <a:t>builtins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 err="1"/>
                        <a:t>builtin</a:t>
                      </a:r>
                      <a:r>
                        <a:rPr lang="en-US" sz="1800" dirty="0"/>
                        <a:t> functions, constants, exceptions, and decorators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14104261"/>
                  </a:ext>
                </a:extLst>
              </a:tr>
              <a:tr h="414769">
                <a:tc>
                  <a:txBody>
                    <a:bodyPr/>
                    <a:lstStyle/>
                    <a:p>
                      <a:r>
                        <a:rPr lang="en-US" sz="1800" dirty="0" err="1"/>
                        <a:t>cmath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/>
                        <a:t>mathematical functions for complex numbers (</a:t>
                      </a:r>
                      <a:r>
                        <a:rPr lang="en-US" sz="1800" dirty="0" err="1"/>
                        <a:t>ikke</a:t>
                      </a:r>
                      <a:r>
                        <a:rPr lang="en-US" sz="1800" dirty="0"/>
                        <a:t> </a:t>
                      </a:r>
                      <a:r>
                        <a:rPr lang="en-US" sz="1800" dirty="0" err="1"/>
                        <a:t>implementeret</a:t>
                      </a:r>
                      <a:r>
                        <a:rPr lang="en-US" sz="1800" dirty="0"/>
                        <a:t>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75487738"/>
                  </a:ext>
                </a:extLst>
              </a:tr>
              <a:tr h="414769">
                <a:tc>
                  <a:txBody>
                    <a:bodyPr/>
                    <a:lstStyle/>
                    <a:p>
                      <a:r>
                        <a:rPr lang="en-US" sz="1800" dirty="0" err="1"/>
                        <a:t>gc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control the garbage collector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5038160"/>
                  </a:ext>
                </a:extLst>
              </a:tr>
              <a:tr h="414769">
                <a:tc>
                  <a:txBody>
                    <a:bodyPr/>
                    <a:lstStyle/>
                    <a:p>
                      <a:r>
                        <a:rPr lang="en-US" sz="1800" dirty="0"/>
                        <a:t>math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/>
                        <a:t>mathematical function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8005428"/>
                  </a:ext>
                </a:extLst>
              </a:tr>
              <a:tr h="414769">
                <a:tc>
                  <a:txBody>
                    <a:bodyPr/>
                    <a:lstStyle/>
                    <a:p>
                      <a:r>
                        <a:rPr lang="en-US" sz="1800" dirty="0"/>
                        <a:t>sys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/>
                        <a:t>system specific function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35751209"/>
                  </a:ext>
                </a:extLst>
              </a:tr>
              <a:tr h="414769">
                <a:tc>
                  <a:txBody>
                    <a:bodyPr/>
                    <a:lstStyle/>
                    <a:p>
                      <a:r>
                        <a:rPr lang="en-US" sz="1800" dirty="0" err="1"/>
                        <a:t>ubinascii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/>
                        <a:t>binary/ASCII conversion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24576679"/>
                  </a:ext>
                </a:extLst>
              </a:tr>
              <a:tr h="414769">
                <a:tc>
                  <a:txBody>
                    <a:bodyPr/>
                    <a:lstStyle/>
                    <a:p>
                      <a:r>
                        <a:rPr lang="en-US" sz="1800" dirty="0" err="1"/>
                        <a:t>ucollections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/>
                        <a:t>collection and container type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8287723"/>
                  </a:ext>
                </a:extLst>
              </a:tr>
              <a:tr h="414769">
                <a:tc>
                  <a:txBody>
                    <a:bodyPr/>
                    <a:lstStyle/>
                    <a:p>
                      <a:r>
                        <a:rPr lang="en-US" sz="1800" dirty="0" err="1"/>
                        <a:t>uerrno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system error codes (</a:t>
                      </a:r>
                      <a:r>
                        <a:rPr lang="en-US" sz="1800" dirty="0" err="1"/>
                        <a:t>ikke</a:t>
                      </a:r>
                      <a:r>
                        <a:rPr lang="en-US" sz="1800" dirty="0"/>
                        <a:t> </a:t>
                      </a:r>
                      <a:r>
                        <a:rPr lang="en-US" sz="1800" dirty="0" err="1"/>
                        <a:t>implementeret</a:t>
                      </a:r>
                      <a:r>
                        <a:rPr lang="en-US" sz="1800" dirty="0"/>
                        <a:t>)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95884808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412575840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2CCB188-85EF-4443-A79E-11281747AB7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ython standard </a:t>
            </a:r>
            <a:r>
              <a:rPr lang="da-DK" dirty="0" err="1"/>
              <a:t>libraries</a:t>
            </a:r>
            <a:r>
              <a:rPr lang="da-DK" dirty="0"/>
              <a:t> and </a:t>
            </a:r>
            <a:r>
              <a:rPr lang="da-DK" dirty="0" err="1"/>
              <a:t>micro-libraries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D2C480D-9C95-45EE-8FCD-3D4793339CD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DC83EAB-EFC9-4534-A37F-5E88932A6CD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288F3E39-5CB0-41A4-BE01-C61F0FC700CB}"/>
              </a:ext>
            </a:extLst>
          </p:cNvPr>
          <p:cNvGraphicFramePr>
            <a:graphicFrameLocks noGrp="1"/>
          </p:cNvGraphicFramePr>
          <p:nvPr/>
        </p:nvGraphicFramePr>
        <p:xfrm>
          <a:off x="571200" y="1290716"/>
          <a:ext cx="10061132" cy="43124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201183">
                  <a:extLst>
                    <a:ext uri="{9D8B030D-6E8A-4147-A177-3AD203B41FA5}">
                      <a16:colId xmlns:a16="http://schemas.microsoft.com/office/drawing/2014/main" val="1403320291"/>
                    </a:ext>
                  </a:extLst>
                </a:gridCol>
                <a:gridCol w="7859949">
                  <a:extLst>
                    <a:ext uri="{9D8B030D-6E8A-4147-A177-3AD203B41FA5}">
                      <a16:colId xmlns:a16="http://schemas.microsoft.com/office/drawing/2014/main" val="3930942321"/>
                    </a:ext>
                  </a:extLst>
                </a:gridCol>
              </a:tblGrid>
              <a:tr h="431242">
                <a:tc>
                  <a:txBody>
                    <a:bodyPr/>
                    <a:lstStyle/>
                    <a:p>
                      <a:r>
                        <a:rPr lang="da-DK" dirty="0" err="1"/>
                        <a:t>Name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Functionality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41688451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en-US" sz="1800" dirty="0" err="1"/>
                        <a:t>uhashlib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hashing algorithm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03071532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en-US" sz="1800" dirty="0" err="1"/>
                        <a:t>uheapq</a:t>
                      </a:r>
                      <a:r>
                        <a:rPr lang="en-US" sz="1800" dirty="0"/>
                        <a:t> 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heap queue algorithm (</a:t>
                      </a:r>
                      <a:r>
                        <a:rPr lang="en-US" sz="1800" dirty="0" err="1"/>
                        <a:t>ikke</a:t>
                      </a:r>
                      <a:r>
                        <a:rPr lang="en-US" sz="1800" dirty="0"/>
                        <a:t> </a:t>
                      </a:r>
                      <a:r>
                        <a:rPr lang="en-US" sz="1800" dirty="0" err="1"/>
                        <a:t>implementeret</a:t>
                      </a:r>
                      <a:r>
                        <a:rPr lang="en-US" sz="1800" dirty="0"/>
                        <a:t>)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04496312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en-US" sz="1800" dirty="0" err="1"/>
                        <a:t>uio</a:t>
                      </a:r>
                      <a:r>
                        <a:rPr lang="en-US" sz="1800" dirty="0"/>
                        <a:t> 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input/output streams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82405759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en-US" sz="1800" dirty="0" err="1"/>
                        <a:t>ujson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JSON encoding and decoding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9490795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en-US" sz="1800" dirty="0" err="1"/>
                        <a:t>uos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basic “operating system” services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16112567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en-US" sz="1800" dirty="0" err="1"/>
                        <a:t>urandom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Random Number Generation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39837697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en-US" sz="1800" dirty="0" err="1"/>
                        <a:t>ure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regular expressions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32324087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en-US" sz="1800" dirty="0" err="1"/>
                        <a:t>ustruct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pack and unpack primitive data types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57353975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en-US" sz="1800" dirty="0" err="1"/>
                        <a:t>utime</a:t>
                      </a:r>
                      <a:r>
                        <a:rPr lang="en-US" sz="1800" dirty="0"/>
                        <a:t> 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time related functions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3101502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10034056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2CCB188-85EF-4443-A79E-11281747AB7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MicroPython</a:t>
            </a:r>
            <a:r>
              <a:rPr lang="en-US" dirty="0"/>
              <a:t>-specific librari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D2C480D-9C95-45EE-8FCD-3D4793339CD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DC83EAB-EFC9-4534-A37F-5E88932A6CD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288F3E39-5CB0-41A4-BE01-C61F0FC700C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856142457"/>
              </p:ext>
            </p:extLst>
          </p:nvPr>
        </p:nvGraphicFramePr>
        <p:xfrm>
          <a:off x="571200" y="1290716"/>
          <a:ext cx="10061132" cy="2456488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201183">
                  <a:extLst>
                    <a:ext uri="{9D8B030D-6E8A-4147-A177-3AD203B41FA5}">
                      <a16:colId xmlns:a16="http://schemas.microsoft.com/office/drawing/2014/main" val="1403320291"/>
                    </a:ext>
                  </a:extLst>
                </a:gridCol>
                <a:gridCol w="7859949">
                  <a:extLst>
                    <a:ext uri="{9D8B030D-6E8A-4147-A177-3AD203B41FA5}">
                      <a16:colId xmlns:a16="http://schemas.microsoft.com/office/drawing/2014/main" val="3930942321"/>
                    </a:ext>
                  </a:extLst>
                </a:gridCol>
              </a:tblGrid>
              <a:tr h="431242">
                <a:tc>
                  <a:txBody>
                    <a:bodyPr/>
                    <a:lstStyle/>
                    <a:p>
                      <a:r>
                        <a:rPr lang="da-DK" dirty="0" err="1"/>
                        <a:t>Name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Functionality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41688451"/>
                  </a:ext>
                </a:extLst>
              </a:tr>
              <a:tr h="215621">
                <a:tc>
                  <a:txBody>
                    <a:bodyPr/>
                    <a:lstStyle/>
                    <a:p>
                      <a:r>
                        <a:rPr lang="en-US" sz="1800" dirty="0"/>
                        <a:t>rp2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Raspberry Pi Pico </a:t>
                      </a:r>
                      <a:r>
                        <a:rPr lang="da-DK" dirty="0" err="1"/>
                        <a:t>specific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03071532"/>
                  </a:ext>
                </a:extLst>
              </a:tr>
              <a:tr h="215621">
                <a:tc>
                  <a:txBody>
                    <a:bodyPr/>
                    <a:lstStyle/>
                    <a:p>
                      <a:r>
                        <a:rPr lang="da-DK" dirty="0" err="1"/>
                        <a:t>machine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aspberry Pi Pico module with some basic hardware functions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91453401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en-US" dirty="0" err="1"/>
                        <a:t>onewire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Driver for </a:t>
                      </a:r>
                      <a:r>
                        <a:rPr lang="da-DK" dirty="0" err="1"/>
                        <a:t>onewire</a:t>
                      </a:r>
                      <a:r>
                        <a:rPr lang="da-DK" dirty="0"/>
                        <a:t> </a:t>
                      </a:r>
                      <a:r>
                        <a:rPr lang="da-DK" dirty="0" err="1"/>
                        <a:t>devices</a:t>
                      </a:r>
                      <a:r>
                        <a:rPr lang="da-DK" dirty="0"/>
                        <a:t> (ikke implementeret)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04496312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da-DK" dirty="0"/>
                        <a:t>neopixel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Driver for neopixel (ikke implementeret)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82405759"/>
                  </a:ext>
                </a:extLst>
              </a:tr>
              <a:tr h="431242">
                <a:tc>
                  <a:txBody>
                    <a:bodyPr/>
                    <a:lstStyle/>
                    <a:p>
                      <a:r>
                        <a:rPr lang="da-DK" dirty="0" err="1"/>
                        <a:t>dht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Driver for DHT </a:t>
                      </a:r>
                      <a:r>
                        <a:rPr lang="da-DK" dirty="0" err="1"/>
                        <a:t>devices</a:t>
                      </a:r>
                      <a:r>
                        <a:rPr lang="da-DK" dirty="0"/>
                        <a:t> (ikke </a:t>
                      </a:r>
                      <a:r>
                        <a:rPr lang="da-DK" dirty="0" err="1"/>
                        <a:t>implementert</a:t>
                      </a:r>
                      <a:r>
                        <a:rPr lang="da-DK" dirty="0"/>
                        <a:t>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949079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56376133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57426B-43B3-44FB-B755-C92AE57240B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Goals</a:t>
            </a:r>
            <a:r>
              <a:rPr lang="da-DK" dirty="0"/>
              <a:t> of Pytho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ED9667E-9C42-4E60-8DAF-DC288F7A854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399" y="1184366"/>
            <a:ext cx="11048400" cy="4271434"/>
          </a:xfrm>
        </p:spPr>
        <p:txBody>
          <a:bodyPr/>
          <a:lstStyle/>
          <a:p>
            <a:r>
              <a:rPr lang="en-US" dirty="0"/>
              <a:t>Python is a high-level, interpreted, object-oriented scripting language. </a:t>
            </a:r>
          </a:p>
          <a:p>
            <a:r>
              <a:rPr lang="en-US" dirty="0"/>
              <a:t>One of the biggest goals of Python is to have a clear, easy-to-understand syntax that reads as close to English as possible. </a:t>
            </a:r>
          </a:p>
          <a:p>
            <a:r>
              <a:rPr lang="en-US" dirty="0"/>
              <a:t>That is, you should be able to read a Python script and understand it even if you haven't learned the language (! </a:t>
            </a:r>
            <a:r>
              <a:rPr lang="en-US" dirty="0">
                <a:sym typeface="Wingdings" panose="05000000000000000000" pitchFamily="2" charset="2"/>
              </a:rPr>
              <a:t>)</a:t>
            </a:r>
            <a:r>
              <a:rPr lang="en-US" dirty="0"/>
              <a:t>. </a:t>
            </a:r>
          </a:p>
          <a:p>
            <a:r>
              <a:rPr lang="en-US" dirty="0"/>
              <a:t>Python also has less punctuation (special symbols) and fewer syntactical machinations than other languages.</a:t>
            </a:r>
          </a:p>
          <a:p>
            <a:r>
              <a:rPr lang="en-US" dirty="0" err="1"/>
              <a:t>MicroPython</a:t>
            </a:r>
            <a:r>
              <a:rPr lang="en-US" dirty="0"/>
              <a:t> – Support of HW, run on constrain devices !.	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8217A2-968E-4FAA-96E5-D36CB7C238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84C61F3-5BA6-4276-823E-054E38D7F87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3999534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800718C-2A4F-49F3-89AE-FE22E404121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 err="1"/>
              <a:t>Syntax</a:t>
            </a:r>
            <a:r>
              <a:rPr lang="da-DK" dirty="0"/>
              <a:t> and elements in </a:t>
            </a:r>
            <a:r>
              <a:rPr lang="da-DK" dirty="0" err="1"/>
              <a:t>langauge</a:t>
            </a:r>
            <a:endParaRPr lang="en-US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40F37548-3B5A-4440-933B-3799AE1C98B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F7EC7E8-4FE1-43FD-8C69-16A92899C42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2B08C3-1567-41E3-9CAE-626F737DC27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5070950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1E15D87-C39B-4AA5-B02E-0B47045E60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de </a:t>
            </a:r>
            <a:r>
              <a:rPr lang="da-DK" dirty="0" err="1"/>
              <a:t>block</a:t>
            </a:r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88B7F7DD-CE8E-4350-861A-91F7264043C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spcAft>
                <a:spcPts val="0"/>
              </a:spcAft>
            </a:pPr>
            <a:r>
              <a:rPr lang="en-US" dirty="0"/>
              <a:t>Python don’t use a code block demarcated with symbols ({ }, Begin end, ….) it uses indentation.</a:t>
            </a:r>
          </a:p>
          <a:p>
            <a:pPr>
              <a:spcAft>
                <a:spcPts val="0"/>
              </a:spcAft>
            </a:pPr>
            <a:endParaRPr lang="en-US" dirty="0"/>
          </a:p>
          <a:p>
            <a:pPr>
              <a:spcAft>
                <a:spcPts val="0"/>
              </a:spcAft>
            </a:pPr>
            <a:endParaRPr lang="en-US" dirty="0"/>
          </a:p>
          <a:p>
            <a:pPr>
              <a:spcAft>
                <a:spcPts val="0"/>
              </a:spcAft>
            </a:pPr>
            <a:endParaRPr lang="en-US" dirty="0"/>
          </a:p>
          <a:p>
            <a:pPr>
              <a:spcAft>
                <a:spcPts val="0"/>
              </a:spcAft>
            </a:pPr>
            <a:endParaRPr lang="en-US" dirty="0"/>
          </a:p>
          <a:p>
            <a:pPr>
              <a:spcAft>
                <a:spcPts val="0"/>
              </a:spcAft>
            </a:pPr>
            <a:endParaRPr lang="en-US" dirty="0"/>
          </a:p>
          <a:p>
            <a:pPr marL="0" indent="0">
              <a:spcAft>
                <a:spcPts val="0"/>
              </a:spcAft>
              <a:buNone/>
            </a:pPr>
            <a:endParaRPr lang="en-US" dirty="0"/>
          </a:p>
          <a:p>
            <a:pPr>
              <a:spcAft>
                <a:spcPts val="0"/>
              </a:spcAft>
            </a:pPr>
            <a:r>
              <a:rPr lang="en-US" dirty="0"/>
              <a:t>Important that you are using the same indentation !!!!</a:t>
            </a:r>
          </a:p>
          <a:p>
            <a:pPr>
              <a:spcAft>
                <a:spcPts val="0"/>
              </a:spcAft>
            </a:pPr>
            <a:r>
              <a:rPr lang="en-US" dirty="0"/>
              <a:t>Don’t use ; after statement !!!!</a:t>
            </a:r>
          </a:p>
          <a:p>
            <a:pPr marL="0" indent="0">
              <a:spcAft>
                <a:spcPts val="0"/>
              </a:spcAft>
              <a:buNone/>
            </a:pPr>
            <a:endParaRPr lang="en-US" dirty="0"/>
          </a:p>
          <a:p>
            <a:pPr marL="0" indent="0">
              <a:spcAft>
                <a:spcPts val="0"/>
              </a:spcAft>
              <a:buNone/>
            </a:pP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E697E82-3E1C-40B5-8904-2660BD1E847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79E873-CC21-451B-8070-6478B7957F2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905B6E4-C67C-490A-B49D-01368932613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456822" y="2442081"/>
            <a:ext cx="4608583" cy="213038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168278978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479596-2418-44B1-8D5A-BC4BEEB7CC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mment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4403A31-D5FC-47AA-AF56-94E964F0112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400" y="1088572"/>
            <a:ext cx="11048400" cy="4624628"/>
          </a:xfrm>
        </p:spPr>
        <p:txBody>
          <a:bodyPr/>
          <a:lstStyle/>
          <a:p>
            <a:pPr>
              <a:spcAft>
                <a:spcPts val="0"/>
              </a:spcAft>
            </a:pPr>
            <a:r>
              <a:rPr lang="en-US" dirty="0"/>
              <a:t>To add comments to your source code use # </a:t>
            </a:r>
          </a:p>
          <a:p>
            <a:pPr>
              <a:spcAft>
                <a:spcPts val="0"/>
              </a:spcAft>
            </a:pPr>
            <a:r>
              <a:rPr lang="en-US" dirty="0"/>
              <a:t>Everything after # is </a:t>
            </a:r>
            <a:r>
              <a:rPr lang="en-US" dirty="0" err="1"/>
              <a:t>regarde</a:t>
            </a:r>
            <a:r>
              <a:rPr lang="en-US" dirty="0"/>
              <a:t> as a comment</a:t>
            </a:r>
          </a:p>
          <a:p>
            <a:pPr>
              <a:spcAft>
                <a:spcPts val="0"/>
              </a:spcAft>
            </a:pPr>
            <a:r>
              <a:rPr lang="en-US" dirty="0"/>
              <a:t>Block comment is made by three double quotes and ends by three double quotes.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5F5DC4-939E-4FA0-960D-F4981C6406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6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E1DE8A8-1CFF-4BF1-9081-705547B5CED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77B22DA-6170-4E6E-AC75-E3199572EB5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007322" y="2486478"/>
            <a:ext cx="7408721" cy="322672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153930872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BAE54A5-597D-4A07-BF47-5F9CF21D512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Arithmetic</a:t>
            </a:r>
            <a:br>
              <a:rPr lang="da-DK" dirty="0"/>
            </a:br>
            <a:endParaRPr lang="en-US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B82C50CA-FB78-4016-A5EA-BE712D39504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953691" y="203259"/>
            <a:ext cx="5294811" cy="642393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2C53898-5CD3-4F56-9162-912EA16386B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7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F6EFB3F-A21F-4988-9CEE-29DB662B7D2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7A769C6-66A2-426F-B456-E21724C6E7DE}"/>
              </a:ext>
            </a:extLst>
          </p:cNvPr>
          <p:cNvSpPr txBox="1"/>
          <p:nvPr/>
        </p:nvSpPr>
        <p:spPr>
          <a:xfrm>
            <a:off x="572399" y="2727269"/>
            <a:ext cx="2188058" cy="7017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95000"/>
              </a:lnSpc>
              <a:spcAft>
                <a:spcPts val="1417"/>
              </a:spcAft>
              <a:buClr>
                <a:schemeClr val="tx2"/>
              </a:buClr>
            </a:pPr>
            <a:r>
              <a:rPr lang="da-DK" sz="2400" dirty="0">
                <a:sym typeface="Wingdings" panose="05000000000000000000" pitchFamily="2" charset="2"/>
              </a:rPr>
              <a:t>No </a:t>
            </a:r>
            <a:r>
              <a:rPr lang="da-DK" sz="2400" dirty="0" err="1">
                <a:sym typeface="Wingdings" panose="05000000000000000000" pitchFamily="2" charset="2"/>
              </a:rPr>
              <a:t>unary</a:t>
            </a:r>
            <a:r>
              <a:rPr lang="da-DK" sz="2400" dirty="0">
                <a:sym typeface="Wingdings" panose="05000000000000000000" pitchFamily="2" charset="2"/>
              </a:rPr>
              <a:t> ++  or -- operator </a:t>
            </a:r>
            <a:endParaRPr lang="en-US" sz="2400" dirty="0" err="1"/>
          </a:p>
        </p:txBody>
      </p:sp>
    </p:spTree>
    <p:extLst>
      <p:ext uri="{BB962C8B-B14F-4D97-AF65-F5344CB8AC3E}">
        <p14:creationId xmlns:p14="http://schemas.microsoft.com/office/powerpoint/2010/main" val="427976213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429B34-314E-4FCF-B1FF-48805095CA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Variable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36B2A9B-80F4-4300-9465-8FBB0611FEF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400" y="1227909"/>
            <a:ext cx="11048400" cy="4485290"/>
          </a:xfrm>
        </p:spPr>
        <p:txBody>
          <a:bodyPr/>
          <a:lstStyle/>
          <a:p>
            <a:pPr>
              <a:spcAft>
                <a:spcPts val="0"/>
              </a:spcAft>
            </a:pPr>
            <a:r>
              <a:rPr lang="en-US" dirty="0"/>
              <a:t>Python has no command for declaring a variable.</a:t>
            </a:r>
          </a:p>
          <a:p>
            <a:pPr>
              <a:spcAft>
                <a:spcPts val="0"/>
              </a:spcAft>
            </a:pPr>
            <a:r>
              <a:rPr lang="en-US" dirty="0"/>
              <a:t>A variable is created the moment you first assign a value to it.</a:t>
            </a:r>
          </a:p>
          <a:p>
            <a:pPr>
              <a:spcAft>
                <a:spcPts val="0"/>
              </a:spcAft>
            </a:pPr>
            <a:r>
              <a:rPr lang="en-US" dirty="0"/>
              <a:t>Variables do not need to be declared with any particular type, and can even change type after they have been set.</a:t>
            </a:r>
          </a:p>
          <a:p>
            <a:pPr>
              <a:spcAft>
                <a:spcPts val="0"/>
              </a:spcAft>
            </a:pPr>
            <a:r>
              <a:rPr lang="en-US" dirty="0"/>
              <a:t>A variable name must start with a letter or the underscore character</a:t>
            </a:r>
          </a:p>
          <a:p>
            <a:pPr>
              <a:spcAft>
                <a:spcPts val="0"/>
              </a:spcAft>
            </a:pPr>
            <a:r>
              <a:rPr lang="en-US" dirty="0"/>
              <a:t>A variable name cannot start with a number</a:t>
            </a:r>
          </a:p>
          <a:p>
            <a:pPr>
              <a:spcAft>
                <a:spcPts val="0"/>
              </a:spcAft>
            </a:pPr>
            <a:r>
              <a:rPr lang="en-US" dirty="0"/>
              <a:t>A variable name can only contain alpha-numeric characters and underscores (A-z, 0-9, and _ )</a:t>
            </a:r>
          </a:p>
          <a:p>
            <a:pPr>
              <a:spcAft>
                <a:spcPts val="0"/>
              </a:spcAft>
            </a:pPr>
            <a:r>
              <a:rPr lang="en-US" dirty="0"/>
              <a:t>Variable names are case-sensitive</a:t>
            </a:r>
          </a:p>
          <a:p>
            <a:pPr>
              <a:spcAft>
                <a:spcPts val="0"/>
              </a:spcAft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75F1459-7FC2-4676-9B90-597A77F2EDC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8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305A169-D639-42C8-B801-4C432B36A4C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612813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1D7A13-2133-4C91-A8FF-53DF70CB20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ssignment and variable</a:t>
            </a:r>
          </a:p>
        </p:txBody>
      </p:sp>
      <p:graphicFrame>
        <p:nvGraphicFramePr>
          <p:cNvPr id="6" name="Content Placeholder 5">
            <a:extLst>
              <a:ext uri="{FF2B5EF4-FFF2-40B4-BE49-F238E27FC236}">
                <a16:creationId xmlns:a16="http://schemas.microsoft.com/office/drawing/2014/main" id="{14B52E5B-805C-44E9-B8A2-8C1D609B95CD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531013733"/>
              </p:ext>
            </p:extLst>
          </p:nvPr>
        </p:nvGraphicFramePr>
        <p:xfrm>
          <a:off x="8122730" y="268975"/>
          <a:ext cx="3825432" cy="4982292"/>
        </p:xfrm>
        <a:graphic>
          <a:graphicData uri="http://schemas.openxmlformats.org/drawingml/2006/table">
            <a:tbl>
              <a:tblPr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tblPr>
              <a:tblGrid>
                <a:gridCol w="1083253">
                  <a:extLst>
                    <a:ext uri="{9D8B030D-6E8A-4147-A177-3AD203B41FA5}">
                      <a16:colId xmlns:a16="http://schemas.microsoft.com/office/drawing/2014/main" val="3138718475"/>
                    </a:ext>
                  </a:extLst>
                </a:gridCol>
                <a:gridCol w="1215988">
                  <a:extLst>
                    <a:ext uri="{9D8B030D-6E8A-4147-A177-3AD203B41FA5}">
                      <a16:colId xmlns:a16="http://schemas.microsoft.com/office/drawing/2014/main" val="778679144"/>
                    </a:ext>
                  </a:extLst>
                </a:gridCol>
                <a:gridCol w="1526191">
                  <a:extLst>
                    <a:ext uri="{9D8B030D-6E8A-4147-A177-3AD203B41FA5}">
                      <a16:colId xmlns:a16="http://schemas.microsoft.com/office/drawing/2014/main" val="2169932189"/>
                    </a:ext>
                  </a:extLst>
                </a:gridCol>
              </a:tblGrid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Operator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Example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Same As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10635609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= 5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5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12874993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+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+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+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00840549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-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-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-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17904712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*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*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*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21183090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/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/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/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49910006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%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%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%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38036226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//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//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//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85859392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**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**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**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95143703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&amp;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&amp;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&amp;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79648243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|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|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|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5706049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^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^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^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71202521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&gt;&gt;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&gt;&gt;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&gt;&gt;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14426414"/>
                  </a:ext>
                </a:extLst>
              </a:tr>
              <a:tr h="355878"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&lt;&lt;=</a:t>
                      </a:r>
                    </a:p>
                  </a:txBody>
                  <a:tcPr marL="103430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DDDDDD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>
                          <a:effectLst/>
                        </a:rPr>
                        <a:t>x &lt;&lt;=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DDDDDD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200" dirty="0">
                          <a:effectLst/>
                        </a:rPr>
                        <a:t>x = x &lt;&lt; 3</a:t>
                      </a:r>
                    </a:p>
                  </a:txBody>
                  <a:tcPr marL="51715" marR="51715" marT="51715" marB="51715">
                    <a:lnL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rgbClr val="DDDDDD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1F1F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79714400"/>
                  </a:ext>
                </a:extLst>
              </a:tr>
            </a:tbl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C6E2648-5268-44E8-80FE-1A8E21E4922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9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89828D8-CB64-4037-9E7C-0AB2073A909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8E921C48-ECEA-4B20-A3AF-A4520328001F}"/>
              </a:ext>
            </a:extLst>
          </p:cNvPr>
          <p:cNvSpPr/>
          <p:nvPr/>
        </p:nvSpPr>
        <p:spPr>
          <a:xfrm>
            <a:off x="496388" y="1378719"/>
            <a:ext cx="7550331" cy="273087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60000" lvl="0" indent="-360000">
              <a:lnSpc>
                <a:spcPct val="104000"/>
              </a:lnSpc>
              <a:spcAft>
                <a:spcPts val="1417"/>
              </a:spcAft>
              <a:buClr>
                <a:srgbClr val="0046AD"/>
              </a:buClr>
              <a:buFont typeface="Verdana" panose="020B0604030504040204" pitchFamily="34" charset="0"/>
              <a:buChar char="●"/>
            </a:pPr>
            <a:r>
              <a:rPr lang="da-DK" sz="2400" dirty="0" err="1">
                <a:solidFill>
                  <a:srgbClr val="004250"/>
                </a:solidFill>
              </a:rPr>
              <a:t>Assignment</a:t>
            </a:r>
            <a:r>
              <a:rPr lang="da-DK" sz="2400" dirty="0">
                <a:solidFill>
                  <a:srgbClr val="004250"/>
                </a:solidFill>
              </a:rPr>
              <a:t> operator </a:t>
            </a:r>
            <a:r>
              <a:rPr lang="da-DK" sz="2400" dirty="0" err="1">
                <a:solidFill>
                  <a:srgbClr val="004250"/>
                </a:solidFill>
              </a:rPr>
              <a:t>see</a:t>
            </a:r>
            <a:r>
              <a:rPr lang="da-DK" sz="2400" dirty="0">
                <a:solidFill>
                  <a:srgbClr val="004250"/>
                </a:solidFill>
              </a:rPr>
              <a:t> figur to the right</a:t>
            </a:r>
          </a:p>
          <a:p>
            <a:pPr marL="360000" lvl="0" indent="-360000">
              <a:lnSpc>
                <a:spcPct val="104000"/>
              </a:lnSpc>
              <a:spcAft>
                <a:spcPts val="1417"/>
              </a:spcAft>
              <a:buClr>
                <a:srgbClr val="0046AD"/>
              </a:buClr>
              <a:buFont typeface="Verdana" panose="020B0604030504040204" pitchFamily="34" charset="0"/>
              <a:buChar char="●"/>
            </a:pPr>
            <a:r>
              <a:rPr lang="da-DK" sz="2400" dirty="0">
                <a:solidFill>
                  <a:srgbClr val="004250"/>
                </a:solidFill>
              </a:rPr>
              <a:t>Multiple </a:t>
            </a:r>
            <a:r>
              <a:rPr lang="da-DK" sz="2400" dirty="0" err="1">
                <a:solidFill>
                  <a:srgbClr val="004250"/>
                </a:solidFill>
              </a:rPr>
              <a:t>assignment</a:t>
            </a:r>
            <a:r>
              <a:rPr lang="da-DK" sz="2400" dirty="0">
                <a:solidFill>
                  <a:srgbClr val="004250"/>
                </a:solidFill>
              </a:rPr>
              <a:t> is </a:t>
            </a:r>
            <a:r>
              <a:rPr lang="en-US" sz="2400" dirty="0">
                <a:solidFill>
                  <a:srgbClr val="004250"/>
                </a:solidFill>
              </a:rPr>
              <a:t>legal</a:t>
            </a:r>
            <a:r>
              <a:rPr lang="da-DK" sz="2400" dirty="0">
                <a:solidFill>
                  <a:srgbClr val="004250"/>
                </a:solidFill>
              </a:rPr>
              <a:t> </a:t>
            </a:r>
          </a:p>
          <a:p>
            <a:pPr>
              <a:lnSpc>
                <a:spcPct val="104000"/>
              </a:lnSpc>
              <a:spcAft>
                <a:spcPts val="1417"/>
              </a:spcAft>
              <a:buClr>
                <a:srgbClr val="0046AD"/>
              </a:buClr>
            </a:pPr>
            <a:r>
              <a:rPr lang="en-US" sz="2400" dirty="0">
                <a:solidFill>
                  <a:srgbClr val="00425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pi = 3.1416</a:t>
            </a:r>
          </a:p>
          <a:p>
            <a:pPr lvl="0">
              <a:lnSpc>
                <a:spcPct val="104000"/>
              </a:lnSpc>
              <a:spcAft>
                <a:spcPts val="1417"/>
              </a:spcAft>
              <a:buClr>
                <a:srgbClr val="0046AD"/>
              </a:buClr>
            </a:pPr>
            <a:r>
              <a:rPr lang="en-US" sz="2400" dirty="0">
                <a:solidFill>
                  <a:srgbClr val="00425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x, y, z = “UCN", “KEA", “UCC“</a:t>
            </a:r>
          </a:p>
          <a:p>
            <a:pPr lvl="0">
              <a:lnSpc>
                <a:spcPct val="104000"/>
              </a:lnSpc>
              <a:spcAft>
                <a:spcPts val="1417"/>
              </a:spcAft>
              <a:buClr>
                <a:srgbClr val="0046AD"/>
              </a:buClr>
            </a:pPr>
            <a:r>
              <a:rPr lang="en-US" sz="2400" dirty="0">
                <a:solidFill>
                  <a:srgbClr val="00425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x, y, z = “UCN”</a:t>
            </a:r>
          </a:p>
        </p:txBody>
      </p:sp>
    </p:spTree>
    <p:extLst>
      <p:ext uri="{BB962C8B-B14F-4D97-AF65-F5344CB8AC3E}">
        <p14:creationId xmlns:p14="http://schemas.microsoft.com/office/powerpoint/2010/main" val="53048291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81F2D6F2-4F24-4C4D-B493-CA6789C429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genda</a:t>
            </a:r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2576C6D3-67A1-4AB4-ABE9-33363669703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400" y="1362974"/>
            <a:ext cx="11048400" cy="4350225"/>
          </a:xfrm>
        </p:spPr>
        <p:txBody>
          <a:bodyPr/>
          <a:lstStyle/>
          <a:p>
            <a:pPr marL="457200" indent="-457200">
              <a:lnSpc>
                <a:spcPct val="150000"/>
              </a:lnSpc>
              <a:spcAft>
                <a:spcPts val="0"/>
              </a:spcAft>
              <a:buFont typeface="+mj-lt"/>
              <a:buAutoNum type="arabicParenR"/>
            </a:pPr>
            <a:r>
              <a:rPr lang="da-DK" dirty="0"/>
              <a:t>Python / </a:t>
            </a:r>
            <a:r>
              <a:rPr lang="da-DK" dirty="0" err="1"/>
              <a:t>MicroPython</a:t>
            </a:r>
            <a:endParaRPr lang="da-DK" dirty="0"/>
          </a:p>
          <a:p>
            <a:pPr marL="457200" indent="-457200">
              <a:lnSpc>
                <a:spcPct val="150000"/>
              </a:lnSpc>
              <a:spcAft>
                <a:spcPts val="0"/>
              </a:spcAft>
              <a:buFont typeface="+mj-lt"/>
              <a:buAutoNum type="arabicParenR"/>
            </a:pPr>
            <a:r>
              <a:rPr lang="da-DK" dirty="0" err="1"/>
              <a:t>Syntax</a:t>
            </a:r>
            <a:r>
              <a:rPr lang="da-DK" dirty="0"/>
              <a:t> and elements in </a:t>
            </a:r>
            <a:r>
              <a:rPr lang="da-DK" dirty="0" err="1"/>
              <a:t>langauge</a:t>
            </a:r>
            <a:endParaRPr lang="da-DK" dirty="0"/>
          </a:p>
          <a:p>
            <a:pPr marL="457200" indent="-457200">
              <a:lnSpc>
                <a:spcPct val="150000"/>
              </a:lnSpc>
              <a:spcAft>
                <a:spcPts val="0"/>
              </a:spcAft>
              <a:buFont typeface="+mj-lt"/>
              <a:buAutoNum type="arabicParenR"/>
            </a:pPr>
            <a:r>
              <a:rPr lang="da-DK" dirty="0"/>
              <a:t>Control </a:t>
            </a:r>
            <a:r>
              <a:rPr lang="da-DK" dirty="0" err="1"/>
              <a:t>structure</a:t>
            </a:r>
            <a:endParaRPr lang="da-DK" dirty="0"/>
          </a:p>
          <a:p>
            <a:pPr marL="457200" indent="-457200">
              <a:lnSpc>
                <a:spcPct val="150000"/>
              </a:lnSpc>
              <a:spcAft>
                <a:spcPts val="0"/>
              </a:spcAft>
              <a:buFont typeface="+mj-lt"/>
              <a:buAutoNum type="arabicParenR"/>
            </a:pPr>
            <a:r>
              <a:rPr lang="da-DK" dirty="0" err="1"/>
              <a:t>Functions</a:t>
            </a:r>
            <a:endParaRPr lang="da-DK" dirty="0"/>
          </a:p>
          <a:p>
            <a:pPr marL="457200" indent="-457200">
              <a:lnSpc>
                <a:spcPct val="150000"/>
              </a:lnSpc>
              <a:spcAft>
                <a:spcPts val="0"/>
              </a:spcAft>
              <a:buFont typeface="+mj-lt"/>
              <a:buAutoNum type="arabicParenR"/>
            </a:pPr>
            <a:r>
              <a:rPr lang="da-DK" dirty="0" err="1"/>
              <a:t>Assignment</a:t>
            </a:r>
            <a:endParaRPr lang="da-DK" dirty="0"/>
          </a:p>
          <a:p>
            <a:pPr marL="457200" indent="-457200">
              <a:lnSpc>
                <a:spcPct val="150000"/>
              </a:lnSpc>
              <a:spcAft>
                <a:spcPts val="0"/>
              </a:spcAft>
              <a:buFont typeface="+mj-lt"/>
              <a:buAutoNum type="arabicParenR"/>
            </a:pPr>
            <a:r>
              <a:rPr lang="da-DK" dirty="0"/>
              <a:t>Links</a:t>
            </a:r>
          </a:p>
          <a:p>
            <a:pPr marL="457200" indent="-457200">
              <a:buFont typeface="+mj-lt"/>
              <a:buAutoNum type="arabicParenR"/>
            </a:pPr>
            <a:endParaRPr lang="da-DK" dirty="0"/>
          </a:p>
          <a:p>
            <a:pPr marL="457200" indent="-457200">
              <a:buFont typeface="+mj-lt"/>
              <a:buAutoNum type="arabicParenR"/>
            </a:pP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35808A1-5E97-483B-8E73-A9D5490ED0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7B52923-6C47-4D26-BA11-0E2C9546968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69997898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C3C2D3-3916-443E-9E0C-8E2F3FDE3F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Variable typ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521B033-85C8-4C68-99EF-F720ADB94A0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399" y="1236617"/>
            <a:ext cx="5976447" cy="4476582"/>
          </a:xfrm>
        </p:spPr>
        <p:txBody>
          <a:bodyPr/>
          <a:lstStyle/>
          <a:p>
            <a:pPr marL="0" indent="0">
              <a:spcAft>
                <a:spcPts val="0"/>
              </a:spcAft>
              <a:buNone/>
            </a:pPr>
            <a:r>
              <a:rPr lang="en-US" dirty="0"/>
              <a:t>Casting</a:t>
            </a:r>
          </a:p>
          <a:p>
            <a:pPr>
              <a:spcAft>
                <a:spcPts val="0"/>
              </a:spcAft>
            </a:pPr>
            <a:r>
              <a:rPr lang="en-US" dirty="0"/>
              <a:t>If you want to specify the data type of a variable, this can be done with: 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x = str(7)     # x will be ‘7'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y = int(9)     # y will be 9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z = float(13)  # z will be 13.0</a:t>
            </a:r>
          </a:p>
          <a:p>
            <a:pPr marL="0" indent="0">
              <a:spcAft>
                <a:spcPts val="0"/>
              </a:spcAft>
              <a:buNone/>
            </a:pP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cs typeface="Courier New" panose="02070309020205020404" pitchFamily="49" charset="0"/>
              </a:rPr>
              <a:t>Get the Type</a:t>
            </a:r>
          </a:p>
          <a:p>
            <a:pPr>
              <a:spcAft>
                <a:spcPts val="0"/>
              </a:spcAft>
            </a:pPr>
            <a:r>
              <a:rPr lang="en-US" dirty="0">
                <a:cs typeface="Courier New" panose="02070309020205020404" pitchFamily="49" charset="0"/>
              </a:rPr>
              <a:t>You can get the data type of a variable with the type() function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351AAC8-EAF5-480B-995E-B55767DD94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0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69DA0C7-C881-4FFC-956C-22A41733B0E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2F46868-4B37-4738-B482-759B8E1992A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84024" y="1332410"/>
            <a:ext cx="5378846" cy="315250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341692857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EB18E7-693B-4E43-80FB-D6457C86597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2399" y="322218"/>
            <a:ext cx="11048400" cy="822584"/>
          </a:xfrm>
        </p:spPr>
        <p:txBody>
          <a:bodyPr/>
          <a:lstStyle/>
          <a:p>
            <a:r>
              <a:rPr lang="en-US" dirty="0"/>
              <a:t>Python If ... </a:t>
            </a:r>
            <a:r>
              <a:rPr lang="en-US" dirty="0" err="1"/>
              <a:t>Elif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1478F5C-3A5C-4725-9D3C-8351036E694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399" y="896982"/>
            <a:ext cx="11358343" cy="4702629"/>
          </a:xfrm>
        </p:spPr>
        <p:txBody>
          <a:bodyPr/>
          <a:lstStyle/>
          <a:p>
            <a:pPr>
              <a:spcAft>
                <a:spcPts val="0"/>
              </a:spcAft>
            </a:pPr>
            <a:r>
              <a:rPr lang="en-US" dirty="0"/>
              <a:t>An "if statement" is written by using the if keyword.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a = 7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b = 9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if b &gt; a: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  print("b is greater than a")</a:t>
            </a:r>
          </a:p>
          <a:p>
            <a:r>
              <a:rPr lang="en-US" dirty="0"/>
              <a:t>The </a:t>
            </a:r>
            <a:r>
              <a:rPr lang="en-US" dirty="0" err="1"/>
              <a:t>elif</a:t>
            </a:r>
            <a:r>
              <a:rPr lang="en-US" dirty="0"/>
              <a:t> keyword is pythons way of saying "if the previous conditions were not true, then try this condition".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a = 42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b = 42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if b &gt; a: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  print("b is greater than a")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elif</a:t>
            </a: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 a == b: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  print("a and b are equal")</a:t>
            </a:r>
          </a:p>
          <a:p>
            <a:pPr marL="0" indent="0">
              <a:buNone/>
            </a:pP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C75F9FD-961D-4D28-A016-E758E799152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1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8BD2190-4FCA-49E9-A6BF-86758C63E57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3C360CA1-9948-41F1-8B8C-37FB84FB27FB}"/>
              </a:ext>
            </a:extLst>
          </p:cNvPr>
          <p:cNvSpPr/>
          <p:nvPr/>
        </p:nvSpPr>
        <p:spPr>
          <a:xfrm>
            <a:off x="3387634" y="5823368"/>
            <a:ext cx="6096000" cy="307777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n-US" sz="1400" i="1" dirty="0"/>
              <a:t>“There should be one-- and preferably only one --obvious way to do it.”</a:t>
            </a:r>
          </a:p>
        </p:txBody>
      </p:sp>
    </p:spTree>
    <p:extLst>
      <p:ext uri="{BB962C8B-B14F-4D97-AF65-F5344CB8AC3E}">
        <p14:creationId xmlns:p14="http://schemas.microsoft.com/office/powerpoint/2010/main" val="372577208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902BC6-6B24-48DE-A4A6-7B1DF5D245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ython If … Els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4763EFE-BA33-4FED-8C68-1C34D668BF1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399" y="1332412"/>
            <a:ext cx="11367051" cy="4490956"/>
          </a:xfrm>
        </p:spPr>
        <p:txBody>
          <a:bodyPr/>
          <a:lstStyle/>
          <a:p>
            <a:r>
              <a:rPr lang="en-US" dirty="0"/>
              <a:t>The else keyword catches anything which isn't caught by the preceding conditions.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a = 7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b = 9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if b &gt; a: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 print("b is greater than a")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elif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a == b: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 print("a and b are equal")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else: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 print("a is greater than b")</a:t>
            </a:r>
          </a:p>
          <a:p>
            <a:pPr marL="0" indent="0">
              <a:buNone/>
            </a:pP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00C1AF9-2D3B-4756-9731-8917DA8D2B9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2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049813F-18DC-406B-B392-2E483AB914E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2353861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65BB02-64DB-4A41-9B44-D2B5C5474B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Assignment</a:t>
            </a:r>
            <a:r>
              <a:rPr lang="da-DK" dirty="0"/>
              <a:t> #1 </a:t>
            </a:r>
            <a:r>
              <a:rPr lang="da-DK" dirty="0" err="1"/>
              <a:t>Reaction</a:t>
            </a:r>
            <a:r>
              <a:rPr lang="da-DK" dirty="0"/>
              <a:t> gam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781480E-0489-41F4-8851-1D9FC11F027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400" y="1349830"/>
            <a:ext cx="11349634" cy="4363370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Make a simple reaction game that works like the description below:</a:t>
            </a:r>
          </a:p>
          <a:p>
            <a:r>
              <a:rPr lang="en-US" dirty="0"/>
              <a:t>Turn on one of the three LED (hint: use </a:t>
            </a:r>
            <a:r>
              <a:rPr lang="en-US" dirty="0" err="1"/>
              <a:t>urandom</a:t>
            </a:r>
            <a:r>
              <a:rPr lang="en-US" dirty="0"/>
              <a:t>) and measure the time (hint: use </a:t>
            </a:r>
            <a:r>
              <a:rPr lang="en-US" dirty="0" err="1"/>
              <a:t>utime</a:t>
            </a:r>
            <a:r>
              <a:rPr lang="en-US" dirty="0"/>
              <a:t>) before the user press the bottom under the LED that is turned on.</a:t>
            </a:r>
          </a:p>
          <a:p>
            <a:r>
              <a:rPr lang="en-US" dirty="0"/>
              <a:t>With print write out the reaction time in milli second.</a:t>
            </a:r>
          </a:p>
          <a:p>
            <a:r>
              <a:rPr lang="en-US" dirty="0"/>
              <a:t>(extra) Add also the option that it is the buzzer that turns on </a:t>
            </a:r>
          </a:p>
          <a:p>
            <a:r>
              <a:rPr lang="en-US" dirty="0"/>
              <a:t>(extra) Write out a warning if the user press bottom before a LED or the buzzer is turned on.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 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6ED7DAE-C525-4430-A624-9028AD5A53D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7F948A5-7BCA-46B8-9BE0-E20B77C4FDC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0587344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41154C4-E902-4E44-AFC2-D0CA3A5806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sic Data Structure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698E34EE-1329-433C-9DE8-2E4093DB8198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2966653859"/>
              </p:ext>
            </p:extLst>
          </p:nvPr>
        </p:nvGraphicFramePr>
        <p:xfrm>
          <a:off x="573088" y="1658938"/>
          <a:ext cx="5967048" cy="1262027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65609">
                  <a:extLst>
                    <a:ext uri="{9D8B030D-6E8A-4147-A177-3AD203B41FA5}">
                      <a16:colId xmlns:a16="http://schemas.microsoft.com/office/drawing/2014/main" val="642333422"/>
                    </a:ext>
                  </a:extLst>
                </a:gridCol>
                <a:gridCol w="1654629">
                  <a:extLst>
                    <a:ext uri="{9D8B030D-6E8A-4147-A177-3AD203B41FA5}">
                      <a16:colId xmlns:a16="http://schemas.microsoft.com/office/drawing/2014/main" val="1959962367"/>
                    </a:ext>
                  </a:extLst>
                </a:gridCol>
                <a:gridCol w="2246810">
                  <a:extLst>
                    <a:ext uri="{9D8B030D-6E8A-4147-A177-3AD203B41FA5}">
                      <a16:colId xmlns:a16="http://schemas.microsoft.com/office/drawing/2014/main" val="3410882230"/>
                    </a:ext>
                  </a:extLst>
                </a:gridCol>
              </a:tblGrid>
              <a:tr h="307357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utab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 Immutabl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60544799"/>
                  </a:ext>
                </a:extLst>
              </a:tr>
              <a:tr h="307357">
                <a:tc>
                  <a:txBody>
                    <a:bodyPr/>
                    <a:lstStyle/>
                    <a:p>
                      <a:r>
                        <a:rPr lang="en-US" dirty="0"/>
                        <a:t>Ordered (Indexed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Lists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err="1"/>
                        <a:t>Tuples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21082519"/>
                  </a:ext>
                </a:extLst>
              </a:tr>
              <a:tr h="530507">
                <a:tc>
                  <a:txBody>
                    <a:bodyPr/>
                    <a:lstStyle/>
                    <a:p>
                      <a:r>
                        <a:rPr lang="en-US" dirty="0"/>
                        <a:t>Unordered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err="1"/>
                        <a:t>Frozensets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dirty="0"/>
                        <a:t>Sets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55824641"/>
                  </a:ext>
                </a:extLst>
              </a:tr>
            </a:tbl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B4169E-896F-414C-8F40-E7210D6B797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D53D5A5-D907-42DE-83E8-5501FB3FC61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41614BE-DED8-44A2-B10F-3D9CEC75BF31}"/>
              </a:ext>
            </a:extLst>
          </p:cNvPr>
          <p:cNvSpPr txBox="1"/>
          <p:nvPr/>
        </p:nvSpPr>
        <p:spPr>
          <a:xfrm>
            <a:off x="572399" y="3253567"/>
            <a:ext cx="9361217" cy="141166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  <a:spcAft>
                <a:spcPts val="1417"/>
              </a:spcAft>
              <a:buClr>
                <a:schemeClr val="tx2"/>
              </a:buClr>
            </a:pPr>
            <a:r>
              <a:rPr lang="da-DK" sz="2400" dirty="0" err="1"/>
              <a:t>String</a:t>
            </a:r>
            <a:r>
              <a:rPr lang="da-DK" sz="2400" dirty="0"/>
              <a:t> in </a:t>
            </a:r>
            <a:r>
              <a:rPr lang="da-DK" sz="2400" dirty="0" err="1"/>
              <a:t>python</a:t>
            </a:r>
            <a:r>
              <a:rPr lang="da-DK" sz="2400" dirty="0"/>
              <a:t> is </a:t>
            </a:r>
            <a:r>
              <a:rPr lang="da-DK" sz="2400" dirty="0" err="1"/>
              <a:t>ordered</a:t>
            </a:r>
            <a:r>
              <a:rPr lang="da-DK" sz="2400" dirty="0"/>
              <a:t> </a:t>
            </a:r>
            <a:r>
              <a:rPr lang="da-DK" sz="2400" dirty="0" err="1"/>
              <a:t>sequence</a:t>
            </a:r>
            <a:r>
              <a:rPr lang="da-DK" sz="2400" dirty="0"/>
              <a:t> of letters. A </a:t>
            </a:r>
            <a:r>
              <a:rPr lang="da-DK" sz="2400" dirty="0" err="1"/>
              <a:t>string</a:t>
            </a:r>
            <a:r>
              <a:rPr lang="da-DK" sz="2400" dirty="0"/>
              <a:t> is </a:t>
            </a:r>
            <a:r>
              <a:rPr lang="da-DK" sz="2400" dirty="0" err="1"/>
              <a:t>immutable</a:t>
            </a:r>
            <a:r>
              <a:rPr lang="da-DK" sz="2400" dirty="0"/>
              <a:t>.</a:t>
            </a:r>
          </a:p>
          <a:p>
            <a:pPr>
              <a:lnSpc>
                <a:spcPct val="95000"/>
              </a:lnSpc>
              <a:spcAft>
                <a:spcPts val="1417"/>
              </a:spcAft>
              <a:buClr>
                <a:schemeClr val="tx2"/>
              </a:buClr>
            </a:pPr>
            <a:r>
              <a:rPr lang="da-DK" sz="24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string</a:t>
            </a:r>
            <a:r>
              <a:rPr lang="da-DK" sz="2400" dirty="0">
                <a:latin typeface="Courier New" panose="02070309020205020404" pitchFamily="49" charset="0"/>
                <a:cs typeface="Courier New" panose="02070309020205020404" pitchFamily="49" charset="0"/>
              </a:rPr>
              <a:t> = ”</a:t>
            </a:r>
            <a:r>
              <a:rPr lang="da-DK" sz="24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Hello</a:t>
            </a:r>
            <a:r>
              <a:rPr lang="da-DK" sz="2400" dirty="0">
                <a:latin typeface="Courier New" panose="02070309020205020404" pitchFamily="49" charset="0"/>
                <a:cs typeface="Courier New" panose="02070309020205020404" pitchFamily="49" charset="0"/>
              </a:rPr>
              <a:t> World”</a:t>
            </a:r>
            <a:r>
              <a:rPr lang="da-DK" sz="2400" dirty="0"/>
              <a:t> </a:t>
            </a:r>
          </a:p>
          <a:p>
            <a:pPr>
              <a:lnSpc>
                <a:spcPct val="95000"/>
              </a:lnSpc>
              <a:spcAft>
                <a:spcPts val="1417"/>
              </a:spcAft>
              <a:buClr>
                <a:schemeClr val="tx2"/>
              </a:buClr>
            </a:pPr>
            <a:r>
              <a:rPr lang="da-DK" sz="2400" dirty="0" err="1"/>
              <a:t>Dictionaries</a:t>
            </a:r>
            <a:r>
              <a:rPr lang="da-DK" sz="2400" dirty="0"/>
              <a:t> is a </a:t>
            </a:r>
            <a:r>
              <a:rPr lang="da-DK" sz="2400" dirty="0" err="1"/>
              <a:t>mapping</a:t>
            </a:r>
            <a:r>
              <a:rPr lang="da-DK" sz="2400" dirty="0"/>
              <a:t> data type </a:t>
            </a:r>
            <a:r>
              <a:rPr lang="da-DK" sz="2400" dirty="0" err="1"/>
              <a:t>that</a:t>
            </a:r>
            <a:r>
              <a:rPr lang="da-DK" sz="2400" dirty="0"/>
              <a:t> is </a:t>
            </a:r>
            <a:r>
              <a:rPr lang="da-DK" sz="2400" dirty="0" err="1"/>
              <a:t>unordered</a:t>
            </a:r>
            <a:r>
              <a:rPr lang="da-DK" sz="2400" dirty="0"/>
              <a:t> and mutable </a:t>
            </a:r>
            <a:endParaRPr lang="en-US" sz="2400" dirty="0" err="1"/>
          </a:p>
        </p:txBody>
      </p:sp>
    </p:spTree>
    <p:extLst>
      <p:ext uri="{BB962C8B-B14F-4D97-AF65-F5344CB8AC3E}">
        <p14:creationId xmlns:p14="http://schemas.microsoft.com/office/powerpoint/2010/main" val="2272160333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882CC1-536A-4808-9702-89BE129228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2399" y="400594"/>
            <a:ext cx="11048400" cy="670560"/>
          </a:xfrm>
        </p:spPr>
        <p:txBody>
          <a:bodyPr/>
          <a:lstStyle/>
          <a:p>
            <a:r>
              <a:rPr lang="da-DK" dirty="0"/>
              <a:t>Python List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B25B360-87F5-4B2A-B644-663ADD8C518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400" y="992777"/>
            <a:ext cx="11048400" cy="4720422"/>
          </a:xfrm>
        </p:spPr>
        <p:txBody>
          <a:bodyPr/>
          <a:lstStyle/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spcAft>
                <a:spcPts val="0"/>
              </a:spcAft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# List</a:t>
            </a:r>
          </a:p>
          <a:p>
            <a:pPr marL="0" indent="0">
              <a:spcAft>
                <a:spcPts val="0"/>
              </a:spcAft>
              <a:buNone/>
            </a:pP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list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 = [”Test”, 42, ”</a:t>
            </a: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Hello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 World”, 24, 42]</a:t>
            </a:r>
          </a:p>
          <a:p>
            <a:pPr marL="0" indent="0">
              <a:spcAft>
                <a:spcPts val="0"/>
              </a:spcAft>
              <a:buNone/>
            </a:pP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list.append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(”slut”)</a:t>
            </a:r>
          </a:p>
          <a:p>
            <a:pPr marL="0" indent="0">
              <a:spcAft>
                <a:spcPts val="0"/>
              </a:spcAft>
              <a:buNone/>
            </a:pP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list.insert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(0,”start”) </a:t>
            </a:r>
          </a:p>
          <a:p>
            <a:pPr marL="0" indent="0">
              <a:spcAft>
                <a:spcPts val="0"/>
              </a:spcAft>
              <a:buNone/>
            </a:pP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count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=</a:t>
            </a: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list.count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(42)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D12ECE-883B-49C6-9100-A2B9CCEAE01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2B6B7C-B2E5-478C-9EFD-491B2824897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B9764EC-EBA7-460C-8D3D-7B70DFA9843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10240" y="1071154"/>
            <a:ext cx="9269486" cy="17596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04480309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944022-A427-4F37-9D4B-04A26CD1FA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ython List</a:t>
            </a:r>
            <a:endParaRPr lang="en-US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4CC4F506-0081-40F6-AABB-D6898B090D5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572399" y="1149531"/>
            <a:ext cx="7874064" cy="4333065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17348D-829E-4146-8826-504E53ACB2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6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FC96E96-99C6-464C-8E3F-029B6D278F2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04399715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8A95AD-3EB0-4581-A16C-0E1F390BF1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ython </a:t>
            </a:r>
            <a:r>
              <a:rPr lang="da-DK" dirty="0" err="1"/>
              <a:t>tubles</a:t>
            </a:r>
            <a:r>
              <a:rPr lang="da-DK" dirty="0"/>
              <a:t> 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EFBE080-E83A-4074-90F8-F1F8D11FF7B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400" y="1279751"/>
            <a:ext cx="11048400" cy="4433448"/>
          </a:xfrm>
        </p:spPr>
        <p:txBody>
          <a:bodyPr/>
          <a:lstStyle/>
          <a:p>
            <a:pPr marL="0" indent="0">
              <a:spcAft>
                <a:spcPts val="0"/>
              </a:spcAft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# </a:t>
            </a: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Tuble</a:t>
            </a: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spcAft>
                <a:spcPts val="0"/>
              </a:spcAft>
              <a:buNone/>
            </a:pP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tuble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 = (7,9,13,”slut”)</a:t>
            </a:r>
          </a:p>
          <a:p>
            <a:pPr marL="0" indent="0">
              <a:spcAft>
                <a:spcPts val="0"/>
              </a:spcAft>
              <a:buNone/>
            </a:pP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spcAft>
                <a:spcPts val="0"/>
              </a:spcAft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# Print all elements in </a:t>
            </a: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tuble</a:t>
            </a: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spcAft>
                <a:spcPts val="0"/>
              </a:spcAft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for element in </a:t>
            </a: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tuble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:</a:t>
            </a:r>
          </a:p>
          <a:p>
            <a:pPr marL="0" indent="0">
              <a:spcAft>
                <a:spcPts val="0"/>
              </a:spcAft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   print(”{0}”.format(element)</a:t>
            </a:r>
          </a:p>
          <a:p>
            <a:pPr marL="0" indent="0">
              <a:spcAft>
                <a:spcPts val="0"/>
              </a:spcAft>
              <a:buNone/>
            </a:pP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spcAft>
                <a:spcPts val="0"/>
              </a:spcAft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# Test </a:t>
            </a: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if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value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 is in </a:t>
            </a: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tuble</a:t>
            </a: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spcAft>
                <a:spcPts val="0"/>
              </a:spcAft>
              <a:buNone/>
            </a:pP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if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 7 in </a:t>
            </a: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tuble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:</a:t>
            </a:r>
          </a:p>
          <a:p>
            <a:pPr marL="0" indent="0">
              <a:spcAft>
                <a:spcPts val="0"/>
              </a:spcAft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   print(”yes 7 is in </a:t>
            </a:r>
            <a:r>
              <a:rPr lang="da-DK" dirty="0" err="1">
                <a:latin typeface="Courier New" panose="02070309020205020404" pitchFamily="49" charset="0"/>
                <a:cs typeface="Courier New" panose="02070309020205020404" pitchFamily="49" charset="0"/>
              </a:rPr>
              <a:t>tuble</a:t>
            </a: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”)</a:t>
            </a:r>
          </a:p>
          <a:p>
            <a:pPr marL="0" indent="0">
              <a:spcAft>
                <a:spcPts val="0"/>
              </a:spcAft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</a:p>
          <a:p>
            <a:pPr marL="0" indent="0">
              <a:spcAft>
                <a:spcPts val="0"/>
              </a:spcAft>
              <a:buNone/>
            </a:pP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B669C98-A0BD-4ACC-8DBF-56D17AE1785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7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D0B52CF-CBA5-4595-B51D-C1DD67F1BFC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89EA499-D504-4738-A1C1-F15F5824539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43119" y="2304181"/>
            <a:ext cx="5276479" cy="3197188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236286680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29F7F7-7265-4B29-B00D-485E5E6E345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ython Set and </a:t>
            </a:r>
            <a:r>
              <a:rPr lang="da-DK" dirty="0" err="1"/>
              <a:t>dictionarie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A1DFAF-473E-425E-834B-1384E92F917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# Set</a:t>
            </a:r>
          </a:p>
          <a:p>
            <a:pPr marL="0" indent="0">
              <a:buNone/>
            </a:pP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set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= {"apple", "banana", "cherry", "apple"}</a:t>
            </a:r>
          </a:p>
          <a:p>
            <a:pPr marL="0" indent="0"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# 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Dict</a:t>
            </a: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dict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= {</a:t>
            </a:r>
          </a:p>
          <a:p>
            <a:pPr marL="0" indent="0"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  “name”: “Ib Helmer Nielsen”,</a:t>
            </a:r>
          </a:p>
          <a:p>
            <a:pPr marL="0" indent="0"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  “age”: 27,</a:t>
            </a:r>
          </a:p>
          <a:p>
            <a:pPr marL="0" indent="0"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}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ACC1FDD-2CD1-496E-B769-B1D10F3F47B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8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3E34AC3-6349-4F57-8BF2-8CCD9406B7F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90037867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33A6D3-35B3-4203-A3AD-3285053A3B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Assignment</a:t>
            </a:r>
            <a:r>
              <a:rPr lang="da-DK" dirty="0"/>
              <a:t> #2  </a:t>
            </a:r>
            <a:r>
              <a:rPr lang="da-DK" dirty="0" err="1"/>
              <a:t>Reaction</a:t>
            </a:r>
            <a:r>
              <a:rPr lang="da-DK" dirty="0"/>
              <a:t> game for </a:t>
            </a:r>
            <a:r>
              <a:rPr lang="da-DK" dirty="0" err="1"/>
              <a:t>two</a:t>
            </a:r>
            <a:r>
              <a:rPr lang="da-DK" dirty="0"/>
              <a:t> player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30EDF50-93B6-4CB0-96BD-BAFB5199E1E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Rewrite the reaction game from assignment #1 so that it is for two players.</a:t>
            </a:r>
          </a:p>
          <a:p>
            <a:r>
              <a:rPr lang="en-US" dirty="0"/>
              <a:t>Player 1 uses SW1, player 2 uses SW3 and the game is now over 10 rounds, and when LED D2 is turned on the player must press their bottom   </a:t>
            </a:r>
          </a:p>
          <a:p>
            <a:r>
              <a:rPr lang="en-US" dirty="0"/>
              <a:t>Measure the average reaction time over 10 round for each player after round 10 show the result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96CA925-2041-4D18-9BD0-1C5521032A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9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7BABEE9-97EA-4314-8172-818340B8D17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6325474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25E4B44-7DF6-4E72-8C45-73AF612F5FB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 err="1"/>
              <a:t>IoT</a:t>
            </a:r>
            <a:r>
              <a:rPr lang="da-DK" dirty="0"/>
              <a:t> Program </a:t>
            </a:r>
            <a:r>
              <a:rPr lang="en-US" dirty="0"/>
              <a:t>language</a:t>
            </a:r>
            <a:r>
              <a:rPr lang="da-DK" dirty="0"/>
              <a:t> ?</a:t>
            </a:r>
            <a:br>
              <a:rPr lang="da-DK" dirty="0"/>
            </a:br>
            <a:endParaRPr lang="en-US" dirty="0"/>
          </a:p>
        </p:txBody>
      </p:sp>
      <p:sp>
        <p:nvSpPr>
          <p:cNvPr id="2" name="Subtitle 1">
            <a:extLst>
              <a:ext uri="{FF2B5EF4-FFF2-40B4-BE49-F238E27FC236}">
                <a16:creationId xmlns:a16="http://schemas.microsoft.com/office/drawing/2014/main" id="{339C3BDE-46C3-4441-A788-23B5C5D77EE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94FB287-E53B-456E-85F8-EF9B7DE6027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D0DD040-5520-47E2-B18C-CA84A5DC37B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44464044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FC8AD4-BA30-4672-A8CE-6BFE58121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ython Loop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5104E18-230F-4D28-A0E1-272A8B27970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While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r>
              <a:rPr lang="da-DK" dirty="0"/>
              <a:t>For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5F15882-B579-4527-9BA8-B6881CF04D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0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CEF7EBC-0608-40F9-9CE7-781ADDD01F5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6D2C6D9-63AC-499B-B594-58CF0CE57E8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77036" y="2109779"/>
            <a:ext cx="4388402" cy="910800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248CF312-202D-4FC2-9DCD-B2A3181851F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2880" y="3768974"/>
            <a:ext cx="4432558" cy="910800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F5891007-79F9-41A3-A0F8-F0C88AC68FF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72302" y="3686399"/>
            <a:ext cx="4078799" cy="910800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2294630456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6AFB955-CD36-472A-AFEB-6C4BF99D30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ython Func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3E819BC-95F3-4922-8729-303E7341464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Python allows to use modularization of the code. </a:t>
            </a:r>
          </a:p>
          <a:p>
            <a:r>
              <a:rPr lang="en-US" dirty="0"/>
              <a:t>While python supports object-oriented programming by way of classes, it also can use the more fundamental level of break the code into smaller chunks using functions.</a:t>
            </a:r>
          </a:p>
          <a:p>
            <a:r>
              <a:rPr lang="en-US" dirty="0"/>
              <a:t>Creating a Function is defined using the def keyword</a:t>
            </a:r>
          </a:p>
          <a:p>
            <a:pPr marL="0" indent="0"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def 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function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():</a:t>
            </a:r>
          </a:p>
          <a:p>
            <a:pPr marL="0" indent="0"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 print("Hello from my function")</a:t>
            </a:r>
          </a:p>
          <a:p>
            <a:pPr marL="0" indent="0">
              <a:buNone/>
            </a:pP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function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()  # Call to func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6C97E27-A08C-423F-9156-ABFCCEC9375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1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C3857D5-4E35-463E-9C76-D76925848B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64044015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921112-AB41-4DE3-A6D1-A8C0DFBD3C1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ython </a:t>
            </a:r>
            <a:r>
              <a:rPr lang="da-DK" dirty="0" err="1"/>
              <a:t>function</a:t>
            </a:r>
            <a:r>
              <a:rPr lang="da-DK" dirty="0"/>
              <a:t>, arguments and </a:t>
            </a:r>
            <a:r>
              <a:rPr lang="da-DK" dirty="0" err="1"/>
              <a:t>retrun</a:t>
            </a:r>
            <a:r>
              <a:rPr lang="da-DK" dirty="0"/>
              <a:t> </a:t>
            </a:r>
            <a:r>
              <a:rPr lang="da-DK" dirty="0" err="1"/>
              <a:t>value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C536F7-3D85-4401-AABC-241D5158AC4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400" y="1249378"/>
            <a:ext cx="11048400" cy="4463821"/>
          </a:xfrm>
        </p:spPr>
        <p:txBody>
          <a:bodyPr/>
          <a:lstStyle/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def </a:t>
            </a:r>
            <a:r>
              <a:rPr lang="en-US" sz="20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function</a:t>
            </a: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(x):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  return  x+42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print(</a:t>
            </a:r>
            <a:r>
              <a:rPr lang="en-US" sz="20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_function</a:t>
            </a: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(3))   # Call </a:t>
            </a:r>
            <a:r>
              <a:rPr lang="en-US" sz="20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funtion</a:t>
            </a:r>
            <a:endParaRPr lang="en-US" sz="20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def </a:t>
            </a:r>
            <a:r>
              <a:rPr lang="en-US" sz="20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recu</a:t>
            </a: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(k):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  if(k &gt; 0):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    result = k + </a:t>
            </a:r>
            <a:r>
              <a:rPr lang="en-US" sz="20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recu</a:t>
            </a: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(k - 1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    print(result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  else: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    result = 0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  return result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20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recu</a:t>
            </a:r>
            <a:r>
              <a:rPr lang="en-US" sz="2000" dirty="0">
                <a:latin typeface="Courier New" panose="02070309020205020404" pitchFamily="49" charset="0"/>
                <a:cs typeface="Courier New" panose="02070309020205020404" pitchFamily="49" charset="0"/>
              </a:rPr>
              <a:t>(6)</a:t>
            </a:r>
          </a:p>
          <a:p>
            <a:pPr marL="0" indent="0">
              <a:buNone/>
            </a:pP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96023E8-76EB-4037-B4A8-A45CB272479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2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C5B5C1F-C5A6-4BE0-8EF1-83125D7B11B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72762144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86B57B-E3B0-4E31-BDB5-8F9A6B435F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ython class</a:t>
            </a:r>
            <a:endParaRPr lang="en-US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19FD412D-EEB3-4651-8D99-F210F62CFED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74827" y="1146968"/>
            <a:ext cx="5141898" cy="456406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B6BBDD7-8620-472A-95EE-C9EC5C40FF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CCB7071-3FF5-4FD8-A517-47D99086B65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611D94BB-3FEF-4B9B-BA11-809FE3B49F9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6000" y="2453515"/>
            <a:ext cx="5649265" cy="121796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782233481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772C9345-9ADB-4217-8CD5-85DA6397744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PIO</a:t>
            </a:r>
            <a:endParaRPr lang="en-US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D47BABC5-4731-4D9D-966D-EEC8BCD2BD1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 Programmable input/output block 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3CD2FF7-3DBC-4FEA-8899-ECBD6305EF4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5D53811-81FA-419E-B2AD-BCEB9A2CAD1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06171091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119DB9-E6FB-4B1F-AC5C-E735592433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IO </a:t>
            </a:r>
            <a:endParaRPr lang="en-US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E73DECE6-D05B-443D-A0A2-65DABEF141C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812277" y="32934"/>
            <a:ext cx="6699682" cy="5945172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6E98DFA-547F-4316-8420-1D2C0527B8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6A42F04-8810-4905-89C8-2655F64301A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51760045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DE27A00-519D-46C2-9436-7D3B3CF3FD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2399" y="540000"/>
            <a:ext cx="11048400" cy="604801"/>
          </a:xfrm>
        </p:spPr>
        <p:txBody>
          <a:bodyPr/>
          <a:lstStyle/>
          <a:p>
            <a:r>
              <a:rPr lang="en-US" dirty="0"/>
              <a:t>PIO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F124D46-F6A4-4D96-BDC0-91B849A0574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400" y="1144801"/>
            <a:ext cx="11323426" cy="4568398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Each state machine is equipped with:</a:t>
            </a:r>
          </a:p>
          <a:p>
            <a:r>
              <a:rPr lang="en-US" dirty="0"/>
              <a:t>Two 32-bit shift registers – either direction, any shift count</a:t>
            </a:r>
          </a:p>
          <a:p>
            <a:r>
              <a:rPr lang="en-US" dirty="0"/>
              <a:t>Two 32-bit scratch registers</a:t>
            </a:r>
          </a:p>
          <a:p>
            <a:r>
              <a:rPr lang="en-US" dirty="0"/>
              <a:t>4×32-bit bus FIFO in each direction (TX/RX), reconfigurable as 8×32 in a single direction</a:t>
            </a:r>
          </a:p>
          <a:p>
            <a:r>
              <a:rPr lang="en-US" dirty="0"/>
              <a:t>Fractional clock divider (16 integer, 8 fractional bits)</a:t>
            </a:r>
          </a:p>
          <a:p>
            <a:r>
              <a:rPr lang="en-US" dirty="0"/>
              <a:t>Flexible GPIO mapping</a:t>
            </a:r>
          </a:p>
          <a:p>
            <a:r>
              <a:rPr lang="en-US" dirty="0"/>
              <a:t>DMA interface, sustained throughput up to 1 word per clock from system DMA</a:t>
            </a:r>
          </a:p>
          <a:p>
            <a:r>
              <a:rPr lang="en-US" dirty="0"/>
              <a:t>IRQ flag set/clear/status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510B3EA-63DD-4350-8AD8-A01CD3BCC1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6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A4E2D2D-815F-4AFA-B157-47E4B619193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83110156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749010E-AB0F-4037-93E2-DCC41A6C37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Instructionset</a:t>
            </a:r>
            <a:endParaRPr lang="en-US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D3764D6C-205D-4493-9CD4-480E31041828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269480" y="1578635"/>
            <a:ext cx="9611370" cy="4293710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922AD7-7BBC-4408-84B6-F138C17919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7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C058C0C-13C6-4A13-807C-AE9E36661FB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75012073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9EDB659-A8A5-4F02-85E5-5CC5DCBB54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2399" y="215660"/>
            <a:ext cx="11048400" cy="543465"/>
          </a:xfrm>
        </p:spPr>
        <p:txBody>
          <a:bodyPr/>
          <a:lstStyle/>
          <a:p>
            <a:r>
              <a:rPr lang="da-DK" dirty="0"/>
              <a:t>PIO </a:t>
            </a:r>
            <a:r>
              <a:rPr lang="da-DK" dirty="0" err="1"/>
              <a:t>example</a:t>
            </a:r>
            <a:r>
              <a:rPr lang="da-DK" dirty="0"/>
              <a:t> (Blink LED with 1Hz)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79796BD-24EF-433C-9532-FC371D47A17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35373" y="965171"/>
            <a:ext cx="8890777" cy="4652150"/>
          </a:xfrm>
        </p:spPr>
        <p:txBody>
          <a:bodyPr numCol="1"/>
          <a:lstStyle/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import time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from machine import Pin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import rp2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endParaRPr lang="en-US" sz="16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@rp2.asm_pio(set_init=rp2.PIO.OUT_LOW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def blink_1hz():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# Cycles: 1 + 1 + 6 + 32 * (30 + 1) = 1000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irq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(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rel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(0)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set(pins, 1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set(x, 31)                  [5]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label("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delay_high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"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nop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()                       [29]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jmp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(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x_dec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, "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delay_high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"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# Cycles: 1 + 7 + 32 * (30 + 1) = 1000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set(pins, 0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set(x, 31)                  [6]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label("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delay_low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"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nop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()                       [29]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jmp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(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x_dec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, "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delay_low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"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   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A6D1F8-EF04-4C96-8AD4-839BDB3F9A5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8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7E76DE3-FB55-4E6D-8E33-25B41062E85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80530464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9C40736-559E-4651-8997-0ED7ED4F86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IO </a:t>
            </a:r>
            <a:r>
              <a:rPr lang="da-DK" dirty="0" err="1"/>
              <a:t>exampel</a:t>
            </a:r>
            <a:r>
              <a:rPr lang="da-DK" dirty="0"/>
              <a:t> (Blink </a:t>
            </a:r>
            <a:r>
              <a:rPr lang="da-DK"/>
              <a:t>LED with </a:t>
            </a:r>
            <a:r>
              <a:rPr lang="da-DK" dirty="0"/>
              <a:t>1Hz)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73693A9-37D2-4FDC-B7DA-4670452BE88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380226" y="1659599"/>
            <a:ext cx="10240574" cy="4053600"/>
          </a:xfrm>
        </p:spPr>
        <p:txBody>
          <a:bodyPr/>
          <a:lstStyle/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# Create the 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StateMachine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with the blink_1hz program, outputting on Pin(25).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sm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 = rp2.StateMachine(0, blink_1hz, 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freq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=2000, 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set_base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=Pin(25)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endParaRPr lang="en-US" sz="16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# Set the IRQ handler to print the millisecond timestamp.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sm.irq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(lambda p: print(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time.ticks_ms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()))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endParaRPr lang="en-US" sz="16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# Start the </a:t>
            </a: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StateMachine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6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sm.active</a:t>
            </a:r>
            <a:r>
              <a:rPr lang="en-US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(1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12F85DC-5DFA-4484-B8CA-916C120D2A2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9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F999CEB-4C18-4ED3-AE4B-7F23A5A3C0E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6890292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E9666F8-4F15-4B40-A0E1-49FF894E92C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0704" y="540000"/>
            <a:ext cx="11730680" cy="910800"/>
          </a:xfrm>
        </p:spPr>
        <p:txBody>
          <a:bodyPr/>
          <a:lstStyle/>
          <a:p>
            <a:r>
              <a:rPr lang="en-US" dirty="0"/>
              <a:t>What is special when selecting </a:t>
            </a:r>
            <a:r>
              <a:rPr lang="en-US" dirty="0" err="1"/>
              <a:t>prg</a:t>
            </a:r>
            <a:r>
              <a:rPr lang="en-US" dirty="0"/>
              <a:t> language for IoT? 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320B1CDA-0609-438A-AD62-FA05210B3DD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4"/>
          <a:stretch>
            <a:fillRect/>
          </a:stretch>
        </p:blipFill>
        <p:spPr>
          <a:xfrm>
            <a:off x="1247449" y="1075406"/>
            <a:ext cx="9697101" cy="1433485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A36199A-8E7C-4A08-8AF4-D55ED6206A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52395C2C-285F-4516-9CA4-EB48DA18B5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59FF05C9-8162-4522-92D7-B823F6FCD12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70704" y="2626673"/>
            <a:ext cx="4561905" cy="1666667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FCCF318A-7D43-44F3-B4EC-10477BF8C51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061240" y="2626673"/>
            <a:ext cx="2069518" cy="3643518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92510815-9A13-416B-9966-A628D205F67B}"/>
              </a:ext>
            </a:extLst>
          </p:cNvPr>
          <p:cNvSpPr txBox="1"/>
          <p:nvPr/>
        </p:nvSpPr>
        <p:spPr>
          <a:xfrm>
            <a:off x="370704" y="4391251"/>
            <a:ext cx="4561905" cy="7017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95000"/>
              </a:lnSpc>
              <a:spcAft>
                <a:spcPts val="1417"/>
              </a:spcAft>
              <a:buClr>
                <a:schemeClr val="tx2"/>
              </a:buClr>
            </a:pPr>
            <a:r>
              <a:rPr lang="da-DK" sz="2400" dirty="0" err="1"/>
              <a:t>Dexcom</a:t>
            </a:r>
            <a:r>
              <a:rPr lang="da-DK" sz="2400" dirty="0"/>
              <a:t> </a:t>
            </a:r>
            <a:r>
              <a:rPr lang="da-DK" sz="2400" dirty="0" err="1"/>
              <a:t>Continuous</a:t>
            </a:r>
            <a:r>
              <a:rPr lang="da-DK" sz="2400" dirty="0"/>
              <a:t> </a:t>
            </a:r>
            <a:r>
              <a:rPr lang="da-DK" sz="2400" dirty="0" err="1"/>
              <a:t>Glucose</a:t>
            </a:r>
            <a:r>
              <a:rPr lang="da-DK" sz="2400" dirty="0"/>
              <a:t> Monitor with sensor</a:t>
            </a:r>
            <a:endParaRPr lang="en-US" sz="2400" dirty="0" err="1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E4213B6C-E67E-41B1-B2BB-6E7D3D7B8E96}"/>
              </a:ext>
            </a:extLst>
          </p:cNvPr>
          <p:cNvSpPr txBox="1"/>
          <p:nvPr/>
        </p:nvSpPr>
        <p:spPr>
          <a:xfrm>
            <a:off x="6000205" y="6387973"/>
            <a:ext cx="3010440" cy="35086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lnSpc>
                <a:spcPct val="95000"/>
              </a:lnSpc>
              <a:spcAft>
                <a:spcPts val="1417"/>
              </a:spcAft>
              <a:buClr>
                <a:schemeClr val="tx2"/>
              </a:buClr>
            </a:pPr>
            <a:r>
              <a:rPr lang="da-DK" sz="2400" dirty="0"/>
              <a:t>App for </a:t>
            </a:r>
            <a:r>
              <a:rPr lang="da-DK" sz="2400" dirty="0" err="1"/>
              <a:t>Dexcom</a:t>
            </a:r>
            <a:r>
              <a:rPr lang="da-DK" sz="2400" dirty="0"/>
              <a:t> CGM</a:t>
            </a:r>
            <a:endParaRPr lang="en-US" sz="2400" dirty="0" err="1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F0A6F0A-3E1A-4A4A-9918-BF7A85E7FED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223011" y="2668291"/>
            <a:ext cx="4598285" cy="3250097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56426090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801BED8-2D45-4BBE-95E2-D20037DEFEB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Links</a:t>
            </a:r>
            <a:endParaRPr lang="en-US" dirty="0"/>
          </a:p>
        </p:txBody>
      </p:sp>
      <p:sp>
        <p:nvSpPr>
          <p:cNvPr id="2" name="Subtitle 1">
            <a:extLst>
              <a:ext uri="{FF2B5EF4-FFF2-40B4-BE49-F238E27FC236}">
                <a16:creationId xmlns:a16="http://schemas.microsoft.com/office/drawing/2014/main" id="{8B4A8A29-8A01-4BC8-9C25-EB39D9046DC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3C746A7-7840-44C5-8D2F-BED41C67A00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AB23B2-801C-44FA-854A-D432628C52D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54516542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892901-DC85-4A1A-AD80-8FA8082400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Relevant Link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03EDE8-E326-43C0-80A0-819D6E1E9F0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https://docs.micropython.org/en/latest/</a:t>
            </a:r>
          </a:p>
          <a:p>
            <a:r>
              <a:rPr lang="en-US" dirty="0"/>
              <a:t>https://www.raspberrypi.org/products/raspberry-pi-pico/specifications/</a:t>
            </a:r>
            <a:endParaRPr lang="en-US" dirty="0">
              <a:hlinkClick r:id="rId2"/>
            </a:endParaRPr>
          </a:p>
          <a:p>
            <a:r>
              <a:rPr lang="en-US" dirty="0">
                <a:hlinkClick r:id="rId2"/>
              </a:rPr>
              <a:t>https://www.raspberrypi.org/forums/index.php</a:t>
            </a:r>
            <a:endParaRPr lang="en-US" dirty="0"/>
          </a:p>
          <a:p>
            <a:r>
              <a:rPr lang="en-US" dirty="0">
                <a:hlinkClick r:id="rId3"/>
              </a:rPr>
              <a:t>https://www.w3schools.com/python/</a:t>
            </a:r>
            <a:endParaRPr lang="en-US" dirty="0"/>
          </a:p>
          <a:p>
            <a:r>
              <a:rPr lang="en-US" dirty="0"/>
              <a:t>https://www.python.org/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322870-90FA-4000-A769-A5605FC03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1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0DF220A-FAB4-48D3-99D9-BA4761E58A5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83950018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F701ACD-A7BB-42A8-8442-0431DFEC28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ook</a:t>
            </a:r>
            <a:endParaRPr lang="en-US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43886B13-506B-453A-9E7F-7A57EC6182F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929981" y="1957388"/>
            <a:ext cx="2333625" cy="3457575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CBE8E-3E2B-40A4-B3A1-4EA1FB183AD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2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50D15F8-2E6C-4BF9-BA3E-32AE4E93E08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4841737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E584EE55-B9AA-405A-8CCD-ADC5723E774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ort </a:t>
            </a:r>
            <a:r>
              <a:rPr lang="da-DK" dirty="0" err="1"/>
              <a:t>Assignment</a:t>
            </a:r>
            <a:endParaRPr lang="en-US" dirty="0"/>
          </a:p>
        </p:txBody>
      </p:sp>
      <p:graphicFrame>
        <p:nvGraphicFramePr>
          <p:cNvPr id="9" name="Content Placeholder 8">
            <a:extLst>
              <a:ext uri="{FF2B5EF4-FFF2-40B4-BE49-F238E27FC236}">
                <a16:creationId xmlns:a16="http://schemas.microsoft.com/office/drawing/2014/main" id="{EA180C25-9AA1-4BF7-9D93-3B8A96748001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3450566" y="1022230"/>
          <a:ext cx="4321834" cy="4813539"/>
        </p:xfrm>
        <a:graphic>
          <a:graphicData uri="http://schemas.openxmlformats.org/drawingml/2006/table">
            <a:tbl>
              <a:tblPr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tblPr>
              <a:tblGrid>
                <a:gridCol w="1505478">
                  <a:extLst>
                    <a:ext uri="{9D8B030D-6E8A-4147-A177-3AD203B41FA5}">
                      <a16:colId xmlns:a16="http://schemas.microsoft.com/office/drawing/2014/main" val="3660947442"/>
                    </a:ext>
                  </a:extLst>
                </a:gridCol>
                <a:gridCol w="1769401">
                  <a:extLst>
                    <a:ext uri="{9D8B030D-6E8A-4147-A177-3AD203B41FA5}">
                      <a16:colId xmlns:a16="http://schemas.microsoft.com/office/drawing/2014/main" val="3811717653"/>
                    </a:ext>
                  </a:extLst>
                </a:gridCol>
                <a:gridCol w="1046955">
                  <a:extLst>
                    <a:ext uri="{9D8B030D-6E8A-4147-A177-3AD203B41FA5}">
                      <a16:colId xmlns:a16="http://schemas.microsoft.com/office/drawing/2014/main" val="377914524"/>
                    </a:ext>
                  </a:extLst>
                </a:gridCol>
              </a:tblGrid>
              <a:tr h="409205">
                <a:tc>
                  <a:txBody>
                    <a:bodyPr/>
                    <a:lstStyle/>
                    <a:p>
                      <a:pPr algn="l" fontAlgn="b"/>
                      <a:r>
                        <a:rPr lang="en-US" sz="2100" b="1" i="1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Item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700" b="1" i="1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Port on RPiP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2100" b="1" i="1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umper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889156767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led1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10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-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15472191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led2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11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-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896828209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led3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12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-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24736443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w1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13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-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106359716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w2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14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-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464092130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w3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15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-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93423106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Reset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RUN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-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162076164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Buzzer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9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P1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008956817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nalog#0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26/ADC0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P5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10781359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nalog#1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27/ADC1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P6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24320884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nalog#2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28/ADC3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P7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328435030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D-DAT0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19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-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44308471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D-DAT1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20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P3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41819925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D-DAT2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21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P2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93869028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D-DAT3/CD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22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-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877638234"/>
                  </a:ext>
                </a:extLst>
              </a:tr>
              <a:tr h="258445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D-CMD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18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-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59966241"/>
                  </a:ext>
                </a:extLst>
              </a:tr>
              <a:tr h="269214">
                <a:tc>
                  <a:txBody>
                    <a:bodyPr/>
                    <a:lstStyle/>
                    <a:p>
                      <a:pPr algn="l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D-CLK</a:t>
                      </a:r>
                    </a:p>
                  </a:txBody>
                  <a:tcPr marL="9070" marR="9070" marT="9070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GPIO5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3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P4</a:t>
                      </a:r>
                    </a:p>
                  </a:txBody>
                  <a:tcPr marL="9070" marR="9070" marT="907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350149508"/>
                  </a:ext>
                </a:extLst>
              </a:tr>
            </a:tbl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6AAB07-93F9-45A0-BC46-DB078AC8A4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C40E3BC-E4FF-429B-B638-47061C2C80B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45508693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EE1CD6F-7D65-4FB7-9299-BF07171BDB7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Filer i </a:t>
            </a:r>
            <a:r>
              <a:rPr lang="da-DK" dirty="0" err="1"/>
              <a:t>MicroPython</a:t>
            </a:r>
            <a:endParaRPr lang="en-US" dirty="0"/>
          </a:p>
        </p:txBody>
      </p:sp>
      <p:sp>
        <p:nvSpPr>
          <p:cNvPr id="2" name="Subtitle 1">
            <a:extLst>
              <a:ext uri="{FF2B5EF4-FFF2-40B4-BE49-F238E27FC236}">
                <a16:creationId xmlns:a16="http://schemas.microsoft.com/office/drawing/2014/main" id="{DA080040-90F1-4DE1-BFAE-0FAE887788B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7821945-51EA-4279-B019-85C1EEB4C8C8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2E9A88A-6157-4ADF-83C3-C77520C5B7C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85626525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B4CB22-DE85-457C-9DCD-5C68AB74B5D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iler i </a:t>
            </a:r>
            <a:r>
              <a:rPr lang="da-DK" dirty="0" err="1"/>
              <a:t>MicroPytho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EAD4226-F774-40DE-B29F-B472DB58DC1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Der er på RP2 implementer filsystem og fra </a:t>
            </a:r>
            <a:r>
              <a:rPr lang="da-DK" dirty="0" err="1"/>
              <a:t>microPython</a:t>
            </a:r>
            <a:r>
              <a:rPr lang="da-DK" dirty="0"/>
              <a:t> kan dette anvendes.</a:t>
            </a:r>
          </a:p>
          <a:p>
            <a:r>
              <a:rPr lang="da-DK" dirty="0"/>
              <a:t>Åben fil for skrivning:</a:t>
            </a:r>
          </a:p>
          <a:p>
            <a:pPr marL="0" indent="0">
              <a:buNone/>
            </a:pP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file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= open("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temps.txt","w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")</a:t>
            </a:r>
          </a:p>
          <a:p>
            <a:r>
              <a:rPr lang="en-US" dirty="0" err="1">
                <a:cs typeface="Courier New" panose="02070309020205020404" pitchFamily="49" charset="0"/>
              </a:rPr>
              <a:t>Åbenfil</a:t>
            </a:r>
            <a:r>
              <a:rPr lang="en-US" dirty="0">
                <a:cs typeface="Courier New" panose="02070309020205020404" pitchFamily="49" charset="0"/>
              </a:rPr>
              <a:t> for </a:t>
            </a:r>
            <a:r>
              <a:rPr lang="en-US" dirty="0" err="1">
                <a:cs typeface="Courier New" panose="02070309020205020404" pitchFamily="49" charset="0"/>
              </a:rPr>
              <a:t>læsning</a:t>
            </a:r>
            <a:r>
              <a:rPr lang="en-US" dirty="0">
                <a:cs typeface="Courier New" panose="02070309020205020404" pitchFamily="49" charset="0"/>
              </a:rPr>
              <a:t>:</a:t>
            </a:r>
          </a:p>
          <a:p>
            <a:pPr marL="0" indent="0">
              <a:buNone/>
            </a:pP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file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= open("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temps.txt","w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")</a:t>
            </a:r>
          </a:p>
          <a:p>
            <a:r>
              <a:rPr lang="en-US" dirty="0" err="1">
                <a:cs typeface="Courier New" panose="02070309020205020404" pitchFamily="49" charset="0"/>
              </a:rPr>
              <a:t>Skriv</a:t>
            </a:r>
            <a:r>
              <a:rPr lang="en-US" dirty="0">
                <a:cs typeface="Courier New" panose="02070309020205020404" pitchFamily="49" charset="0"/>
              </a:rPr>
              <a:t> </a:t>
            </a:r>
            <a:r>
              <a:rPr lang="en-US" dirty="0" err="1">
                <a:cs typeface="Courier New" panose="02070309020205020404" pitchFamily="49" charset="0"/>
              </a:rPr>
              <a:t>til</a:t>
            </a:r>
            <a:r>
              <a:rPr lang="en-US" dirty="0">
                <a:cs typeface="Courier New" panose="02070309020205020404" pitchFamily="49" charset="0"/>
              </a:rPr>
              <a:t> fil : 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file.write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(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whateverdata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)</a:t>
            </a:r>
          </a:p>
          <a:p>
            <a:r>
              <a:rPr lang="en-US" dirty="0" err="1">
                <a:cs typeface="Courier New" panose="02070309020205020404" pitchFamily="49" charset="0"/>
              </a:rPr>
              <a:t>Læs</a:t>
            </a:r>
            <a:r>
              <a:rPr lang="en-US" dirty="0">
                <a:cs typeface="Courier New" panose="02070309020205020404" pitchFamily="49" charset="0"/>
              </a:rPr>
              <a:t> </a:t>
            </a:r>
            <a:r>
              <a:rPr lang="en-US" dirty="0" err="1">
                <a:cs typeface="Courier New" panose="02070309020205020404" pitchFamily="49" charset="0"/>
              </a:rPr>
              <a:t>fra</a:t>
            </a:r>
            <a:r>
              <a:rPr lang="en-US" dirty="0">
                <a:cs typeface="Courier New" panose="02070309020205020404" pitchFamily="49" charset="0"/>
              </a:rPr>
              <a:t> fil : 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x=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myfile.read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()</a:t>
            </a:r>
          </a:p>
          <a:p>
            <a:pPr marL="0" indent="0">
              <a:buNone/>
            </a:pPr>
            <a:endParaRPr lang="en-US" dirty="0">
              <a:cs typeface="Courier New" panose="02070309020205020404" pitchFamily="49" charset="0"/>
            </a:endParaRPr>
          </a:p>
          <a:p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671B9B-888D-49C9-91BD-39AAA869A0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494741-EF09-4006-95DD-357DC5939E9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4577486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157798-7DD9-4418-838C-F650290C682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iler i </a:t>
            </a:r>
            <a:r>
              <a:rPr lang="da-DK" dirty="0" err="1"/>
              <a:t>MicroPytho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4AD9748-1D78-4291-8872-ED1040A5EF8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400" y="1043796"/>
            <a:ext cx="11048400" cy="4669403"/>
          </a:xfrm>
        </p:spPr>
        <p:txBody>
          <a:bodyPr/>
          <a:lstStyle/>
          <a:p>
            <a:r>
              <a:rPr lang="da-DK" dirty="0"/>
              <a:t>Der findes i biblioteket os en del funktioner til at håndtere filsystemet: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800" dirty="0"/>
              <a:t> </a:t>
            </a:r>
          </a:p>
          <a:p>
            <a:pPr marL="0" indent="0">
              <a:lnSpc>
                <a:spcPct val="100000"/>
              </a:lnSpc>
              <a:spcAft>
                <a:spcPts val="0"/>
              </a:spcAft>
              <a:buNone/>
            </a:pPr>
            <a:r>
              <a:rPr lang="en-US" sz="1800" dirty="0"/>
              <a:t>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FD4A17F-CCE3-4878-B3FC-93F1E0C9D9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6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FDEDDCF-DB5A-428A-A93E-DD0FBB1390E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35D348FE-4864-479E-880A-6802C0908BEE}"/>
              </a:ext>
            </a:extLst>
          </p:cNvPr>
          <p:cNvGraphicFramePr>
            <a:graphicFrameLocks noGrp="1"/>
          </p:cNvGraphicFramePr>
          <p:nvPr/>
        </p:nvGraphicFramePr>
        <p:xfrm>
          <a:off x="571199" y="1510448"/>
          <a:ext cx="11246988" cy="405384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085535">
                  <a:extLst>
                    <a:ext uri="{9D8B030D-6E8A-4147-A177-3AD203B41FA5}">
                      <a16:colId xmlns:a16="http://schemas.microsoft.com/office/drawing/2014/main" val="1965783217"/>
                    </a:ext>
                  </a:extLst>
                </a:gridCol>
                <a:gridCol w="4537959">
                  <a:extLst>
                    <a:ext uri="{9D8B030D-6E8A-4147-A177-3AD203B41FA5}">
                      <a16:colId xmlns:a16="http://schemas.microsoft.com/office/drawing/2014/main" val="4069959295"/>
                    </a:ext>
                  </a:extLst>
                </a:gridCol>
                <a:gridCol w="1041926">
                  <a:extLst>
                    <a:ext uri="{9D8B030D-6E8A-4147-A177-3AD203B41FA5}">
                      <a16:colId xmlns:a16="http://schemas.microsoft.com/office/drawing/2014/main" val="971068698"/>
                    </a:ext>
                  </a:extLst>
                </a:gridCol>
                <a:gridCol w="4581568">
                  <a:extLst>
                    <a:ext uri="{9D8B030D-6E8A-4147-A177-3AD203B41FA5}">
                      <a16:colId xmlns:a16="http://schemas.microsoft.com/office/drawing/2014/main" val="2663606106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da-DK" dirty="0"/>
                        <a:t>Navn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Funktion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Navn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Funktion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6692341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800" dirty="0" err="1"/>
                        <a:t>uname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/>
                        <a:t>rena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ename a fil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514251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 err="1"/>
                        <a:t>chdir</a:t>
                      </a:r>
                      <a:endParaRPr lang="en-US" sz="18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Change current direct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 err="1"/>
                        <a:t>rmdir</a:t>
                      </a:r>
                      <a:endParaRPr lang="en-US" sz="18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emove a directory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5634768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 err="1"/>
                        <a:t>getcwd</a:t>
                      </a:r>
                      <a:endParaRPr lang="en-US" sz="18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Get the current direct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stat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Get the status of a file or directory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7565608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 err="1"/>
                        <a:t>listdir</a:t>
                      </a:r>
                      <a:endParaRPr lang="en-US" sz="18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List the current direct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 err="1"/>
                        <a:t>statvfs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Get the status of a </a:t>
                      </a:r>
                      <a:r>
                        <a:rPr lang="en-US" dirty="0" err="1"/>
                        <a:t>fileystem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9099477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/>
                        <a:t>mkdir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Create a new direct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 err="1"/>
                        <a:t>ilistdir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his function returns an iterator which then yields tuples corresponding to the entries in the directory that it is listing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7392350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800" dirty="0"/>
                        <a:t>remov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emove a fi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mount 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ount the filesystem object </a:t>
                      </a:r>
                      <a:r>
                        <a:rPr lang="en-US" dirty="0" err="1"/>
                        <a:t>fsobj</a:t>
                      </a:r>
                      <a:r>
                        <a:rPr lang="en-US" dirty="0"/>
                        <a:t> at the location in the VFS given by the </a:t>
                      </a:r>
                      <a:r>
                        <a:rPr lang="en-US" dirty="0" err="1"/>
                        <a:t>mount_point</a:t>
                      </a:r>
                      <a:r>
                        <a:rPr lang="en-US" dirty="0"/>
                        <a:t> string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3071551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dirty="0" err="1"/>
                        <a:t>umount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Unmount a filesystem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5697200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59817152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4820A1-1699-4E2D-A5CD-AD083D5B59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383" y="540000"/>
            <a:ext cx="11773988" cy="910800"/>
          </a:xfrm>
        </p:spPr>
        <p:txBody>
          <a:bodyPr/>
          <a:lstStyle/>
          <a:p>
            <a:r>
              <a:rPr lang="en-US" dirty="0"/>
              <a:t>What is special when selecting </a:t>
            </a:r>
            <a:r>
              <a:rPr lang="en-US" dirty="0" err="1"/>
              <a:t>prg</a:t>
            </a:r>
            <a:r>
              <a:rPr lang="en-US" dirty="0"/>
              <a:t> language for IoT?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D49BCE3-DF07-46BB-9E88-065866D745A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46274" y="2055223"/>
            <a:ext cx="7953291" cy="2614015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Some of the requirement for IoT end devices:  </a:t>
            </a:r>
          </a:p>
          <a:p>
            <a:r>
              <a:rPr lang="da-DK" dirty="0"/>
              <a:t>Limited power source (</a:t>
            </a:r>
            <a:r>
              <a:rPr lang="en-US" dirty="0"/>
              <a:t>batterie</a:t>
            </a:r>
            <a:r>
              <a:rPr lang="da-DK" dirty="0"/>
              <a:t>)</a:t>
            </a:r>
            <a:endParaRPr lang="en-US" dirty="0"/>
          </a:p>
          <a:p>
            <a:r>
              <a:rPr lang="en-US" dirty="0"/>
              <a:t>Hard </a:t>
            </a:r>
            <a:r>
              <a:rPr lang="en-US" dirty="0" err="1"/>
              <a:t>realtime</a:t>
            </a:r>
            <a:endParaRPr lang="en-US" dirty="0"/>
          </a:p>
          <a:p>
            <a:r>
              <a:rPr lang="en-US" dirty="0"/>
              <a:t>Cheap and small in size</a:t>
            </a:r>
          </a:p>
          <a:p>
            <a:pPr lvl="1"/>
            <a:r>
              <a:rPr lang="en-US" dirty="0"/>
              <a:t>Limited resources like memory, batterie, hardware components,  no </a:t>
            </a:r>
            <a:r>
              <a:rPr lang="en-US" dirty="0" err="1"/>
              <a:t>fpu</a:t>
            </a:r>
            <a:r>
              <a:rPr lang="en-US" dirty="0"/>
              <a:t>, etc.</a:t>
            </a:r>
          </a:p>
          <a:p>
            <a:r>
              <a:rPr lang="en-US" dirty="0"/>
              <a:t>Security an issue (cost power and processing)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A01FA3F-1F50-4DC3-9359-87DBF2156DF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6C18146-9983-45FE-950B-886FB8950CB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7" name="Picture 6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D906EF51-026B-414A-8A75-F53B74A6162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858681" y="995400"/>
            <a:ext cx="1918859" cy="4152894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9" name="Picture 8" descr="A picture containing indoor&#10;&#10;Description automatically generated">
            <a:extLst>
              <a:ext uri="{FF2B5EF4-FFF2-40B4-BE49-F238E27FC236}">
                <a16:creationId xmlns:a16="http://schemas.microsoft.com/office/drawing/2014/main" id="{723B1261-1824-4EFB-941E-2DCE7E96E9B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5400000">
            <a:off x="6846726" y="1435734"/>
            <a:ext cx="3117856" cy="23383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7387550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4820A1-1699-4E2D-A5CD-AD083D5B59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383" y="540000"/>
            <a:ext cx="11773988" cy="910800"/>
          </a:xfrm>
        </p:spPr>
        <p:txBody>
          <a:bodyPr/>
          <a:lstStyle/>
          <a:p>
            <a:r>
              <a:rPr lang="en-US" dirty="0"/>
              <a:t>Python and IoT (Embedded systems)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D49BCE3-DF07-46BB-9E88-065866D745A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80812" y="1585107"/>
            <a:ext cx="5636812" cy="2614015"/>
          </a:xfrm>
        </p:spPr>
        <p:txBody>
          <a:bodyPr/>
          <a:lstStyle/>
          <a:p>
            <a:r>
              <a:rPr lang="en-US" dirty="0"/>
              <a:t>The breakdown of programming languages used for embedded systems in 2019 is shown in the figure.</a:t>
            </a:r>
          </a:p>
          <a:p>
            <a:r>
              <a:rPr lang="da-DK" dirty="0"/>
              <a:t>From 2017 to 2019 popularitet of Python has </a:t>
            </a:r>
            <a:r>
              <a:rPr lang="da-DK" dirty="0" err="1"/>
              <a:t>doubled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A01FA3F-1F50-4DC3-9359-87DBF2156DF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6C18146-9983-45FE-950B-886FB8950CB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1BAD58C-1D7E-491B-B086-A9BEDA156BC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37950" y="1167095"/>
            <a:ext cx="5266667" cy="4523809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A7D1C2ED-0AEA-4E22-B0F5-EDB58EF0C4FF}"/>
              </a:ext>
            </a:extLst>
          </p:cNvPr>
          <p:cNvSpPr txBox="1"/>
          <p:nvPr/>
        </p:nvSpPr>
        <p:spPr>
          <a:xfrm>
            <a:off x="6637950" y="5873192"/>
            <a:ext cx="2965299" cy="20467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  <a:spcAft>
                <a:spcPts val="1417"/>
              </a:spcAft>
              <a:buClr>
                <a:schemeClr val="tx2"/>
              </a:buClr>
            </a:pPr>
            <a:r>
              <a:rPr lang="da-DK" sz="1400" dirty="0"/>
              <a:t>Source: https://www.embedded.com/ </a:t>
            </a:r>
            <a:endParaRPr lang="en-US" sz="1400" dirty="0" err="1"/>
          </a:p>
        </p:txBody>
      </p:sp>
    </p:spTree>
    <p:extLst>
      <p:ext uri="{BB962C8B-B14F-4D97-AF65-F5344CB8AC3E}">
        <p14:creationId xmlns:p14="http://schemas.microsoft.com/office/powerpoint/2010/main" val="239358662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593EE5-0724-42A9-9BB4-BBE1C0A27F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2399" y="540000"/>
            <a:ext cx="11201590" cy="910800"/>
          </a:xfrm>
        </p:spPr>
        <p:txBody>
          <a:bodyPr/>
          <a:lstStyle/>
          <a:p>
            <a:r>
              <a:rPr lang="en-US" dirty="0"/>
              <a:t>In Python it is (often)simple to make complex th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5DCF0D8-6B93-4539-BAB0-B28898DF1B8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400" y="1367246"/>
            <a:ext cx="11048400" cy="4345953"/>
          </a:xfrm>
        </p:spPr>
        <p:txBody>
          <a:bodyPr/>
          <a:lstStyle/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import win32com.client as 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wincl</a:t>
            </a: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speak = 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wincl.Dispatch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("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SAPI.SpVoice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")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f = open("text.txt")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text=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f.readline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()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textlist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= 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text.split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(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sep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=".")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for sentence in 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textlist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: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   </a:t>
            </a:r>
            <a:r>
              <a:rPr lang="en-US" dirty="0" err="1">
                <a:latin typeface="Courier New" panose="02070309020205020404" pitchFamily="49" charset="0"/>
                <a:cs typeface="Courier New" panose="02070309020205020404" pitchFamily="49" charset="0"/>
              </a:rPr>
              <a:t>speak.Speak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(sentence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B50900-2469-49D8-818D-161E2A6755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3036575-0A17-410E-8DD3-3C45FEC111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EC37DD4-228C-4A63-8535-092391702A54}"/>
              </a:ext>
            </a:extLst>
          </p:cNvPr>
          <p:cNvSpPr/>
          <p:nvPr/>
        </p:nvSpPr>
        <p:spPr>
          <a:xfrm>
            <a:off x="4719629" y="5972454"/>
            <a:ext cx="3433953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i="1" dirty="0"/>
              <a:t>“Simple is better than complex.”</a:t>
            </a:r>
          </a:p>
        </p:txBody>
      </p:sp>
    </p:spTree>
    <p:extLst>
      <p:ext uri="{BB962C8B-B14F-4D97-AF65-F5344CB8AC3E}">
        <p14:creationId xmlns:p14="http://schemas.microsoft.com/office/powerpoint/2010/main" val="180117573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C191983-6DA2-438B-AEA3-64FE37BFCBF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icropython</a:t>
            </a:r>
            <a:r>
              <a:rPr lang="da-DK" dirty="0"/>
              <a:t> 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139C42D-04C0-42C7-ADF3-98FB6EC54DF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72400" y="1288869"/>
            <a:ext cx="11048400" cy="4424330"/>
          </a:xfrm>
        </p:spPr>
        <p:txBody>
          <a:bodyPr/>
          <a:lstStyle/>
          <a:p>
            <a:r>
              <a:rPr lang="en-US" dirty="0" err="1"/>
              <a:t>MicroPython</a:t>
            </a:r>
            <a:r>
              <a:rPr lang="en-US" dirty="0"/>
              <a:t> was originally created by the Australian programmer and physicist Damien George, after a Kickstarter backed campaign in 2013.</a:t>
            </a:r>
          </a:p>
          <a:p>
            <a:r>
              <a:rPr lang="en-US" dirty="0"/>
              <a:t>The original Kickstarter campaign released </a:t>
            </a:r>
            <a:r>
              <a:rPr lang="en-US" dirty="0" err="1"/>
              <a:t>MicroPython</a:t>
            </a:r>
            <a:r>
              <a:rPr lang="en-US" dirty="0"/>
              <a:t> with a </a:t>
            </a:r>
            <a:r>
              <a:rPr lang="en-US" dirty="0" err="1"/>
              <a:t>pyboard</a:t>
            </a:r>
            <a:r>
              <a:rPr lang="en-US" dirty="0"/>
              <a:t> microcontroller, </a:t>
            </a:r>
            <a:r>
              <a:rPr lang="en-US" dirty="0" err="1"/>
              <a:t>MicroPython</a:t>
            </a:r>
            <a:r>
              <a:rPr lang="en-US" dirty="0"/>
              <a:t> supports a number of ARM based architectures. </a:t>
            </a:r>
          </a:p>
          <a:p>
            <a:r>
              <a:rPr lang="en-US" dirty="0" err="1"/>
              <a:t>MicroPython</a:t>
            </a:r>
            <a:r>
              <a:rPr lang="en-US" dirty="0"/>
              <a:t> has since been run on Arduino based products, ESP8266, ESP32, and other Internet of things hardware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7EBF7A8-AA1D-4048-8EE0-525015B848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8DB2751-5EF0-457B-BDE0-AFC91C14BE4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26D12F9-3325-47AC-AEC9-31BACF6AC68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46170" y="4149941"/>
            <a:ext cx="3256595" cy="2442447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191682527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ED834C-1300-4956-BE50-B12D79F738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ython </a:t>
            </a:r>
            <a:r>
              <a:rPr lang="da-DK" dirty="0" err="1"/>
              <a:t>vs</a:t>
            </a:r>
            <a:r>
              <a:rPr lang="da-DK" dirty="0"/>
              <a:t> </a:t>
            </a:r>
            <a:r>
              <a:rPr lang="da-DK" dirty="0" err="1"/>
              <a:t>MicroPytho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1DD0E57-0311-43AA-A135-07B5FD7AAB9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language features of Python (3.5) are also available in </a:t>
            </a:r>
            <a:r>
              <a:rPr lang="en-US" dirty="0" err="1"/>
              <a:t>MicroPython</a:t>
            </a:r>
            <a:r>
              <a:rPr lang="en-US" dirty="0"/>
              <a:t>. </a:t>
            </a:r>
          </a:p>
          <a:p>
            <a:r>
              <a:rPr lang="en-US" dirty="0"/>
              <a:t>The biggest difference between Python and </a:t>
            </a:r>
            <a:r>
              <a:rPr lang="en-US" dirty="0" err="1"/>
              <a:t>MicroPython</a:t>
            </a:r>
            <a:r>
              <a:rPr lang="en-US" dirty="0"/>
              <a:t> is that </a:t>
            </a:r>
            <a:r>
              <a:rPr lang="en-US" dirty="0" err="1"/>
              <a:t>MicroPython</a:t>
            </a:r>
            <a:r>
              <a:rPr lang="en-US" dirty="0"/>
              <a:t> was designed to work under constrained conditions.</a:t>
            </a:r>
          </a:p>
          <a:p>
            <a:r>
              <a:rPr lang="en-US" dirty="0" err="1"/>
              <a:t>MicroPython</a:t>
            </a:r>
            <a:r>
              <a:rPr lang="en-US" dirty="0"/>
              <a:t> does not come with the full standard library. </a:t>
            </a:r>
          </a:p>
          <a:p>
            <a:r>
              <a:rPr lang="en-US" dirty="0"/>
              <a:t>It only includes a small subset of the Python standard library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54B7B71-C48B-4F69-AE75-BB7A6B533E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A3EED29-1DE9-4CFB-8107-7E9E69C2F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204637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UCN">
      <a:dk1>
        <a:sysClr val="windowText" lastClr="000000"/>
      </a:dk1>
      <a:lt1>
        <a:sysClr val="window" lastClr="FFFFFF"/>
      </a:lt1>
      <a:dk2>
        <a:srgbClr val="FFEFCA"/>
      </a:dk2>
      <a:lt2>
        <a:srgbClr val="FDC5C4"/>
      </a:lt2>
      <a:accent1>
        <a:srgbClr val="004250"/>
      </a:accent1>
      <a:accent2>
        <a:srgbClr val="FFCB4F"/>
      </a:accent2>
      <a:accent3>
        <a:srgbClr val="BED6DB"/>
      </a:accent3>
      <a:accent4>
        <a:srgbClr val="0046AD"/>
      </a:accent4>
      <a:accent5>
        <a:srgbClr val="4C7A84"/>
      </a:accent5>
      <a:accent6>
        <a:srgbClr val="F7403A"/>
      </a:accent6>
      <a:hlink>
        <a:srgbClr val="0046AD"/>
      </a:hlink>
      <a:folHlink>
        <a:srgbClr val="4C7A84"/>
      </a:folHlink>
    </a:clrScheme>
    <a:fontScheme name="UC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360000" indent="-360000" algn="l">
          <a:lnSpc>
            <a:spcPct val="95000"/>
          </a:lnSpc>
          <a:spcAft>
            <a:spcPts val="1417"/>
          </a:spcAft>
          <a:buClr>
            <a:schemeClr val="tx2"/>
          </a:buClr>
          <a:buFont typeface="Verdana" panose="020B0604030504040204" pitchFamily="34" charset="0"/>
          <a:buChar char="●"/>
          <a:defRPr sz="24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UCNSkabelon.pptm" id="{43FE28E7-D1C2-48BF-BB58-A41DAF42B434}" vid="{3A69DB5D-AD06-484C-A36B-5D3B1728B40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354266370456947","enableDocumentContentUpdater":true,"version":"1.10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136493142034169","enableDocumentContentUpdater":true,"version":"1.1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354266370456946","enableDocumentContentUpdater":true,"version":"1.10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147678904465260","enableDocumentContentUpdater":true,"version":"1.1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344593785002103","enableDocumentContentUpdater":true,"version":"1.10"}]]></TemplafySlideTemplate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344593785158374","enableDocumentContentUpdater":true,"version":"1.1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false,"type":"datePicker","name":"Date","label":"Dato","helpTexts":{"prefix":"","postfix":""},"spacing":{},"fullyQualifiedName":"Date"},{"dataSource":"IncludeDate","displayColumn":"valg","hideIfNoUserInteractionRequired":false,"distinct":true,"required":false,"autoSelectFirstOption":true,"type":"dropDown","name":"IncludeDate","label":"Medtag dato på forsiden","helpTexts":{"prefix":"","postfix":""},"spacing":{},"fullyQualifiedName":"IncludeDate"}],"formDataEntries":[{"name":"Date","value":"Msl68GuKjdXXnGOTeaMJZg=="},{"name":"IncludeDate","value":"XXgRnejH0iYPBk+yu66l/g==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136493142190677","enableDocumentContentUpdater":true,"version":"1.1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136493143440626","enableDocumentContentUpdater":true,"version":"1.10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354266370300810","enableDocumentContentUpdater":true,"version":"1.10"}]]></TemplafySlideTemplateConfiguration>
</file>

<file path=customXml/item9.xml><?xml version="1.0" encoding="utf-8"?>
<TemplafyTemplateConfiguration><![CDATA[{"elementsMetadata":[{"type":"shape","id":"b3ab3b68-07d7-412c-a8d8-05187ba73443","elementConfiguration":{"binding":"UserProfile.Street.Department_{{DocumentLanguage}}","disableUpdates":false,"type":"text"}},{"type":"shape","id":"00eeae4a-0b54-4f9d-b418-f68f93a37eb4","elementConfiguration":{"binding":"UserProfile.Name","disableUpdates":false,"type":"text"}},{"type":"shape","id":"fd036f81-2110-4d13-8765-638a2b3b3f98","elementConfiguration":{"inheritDimensions":"inheritNone","height":"1.09 cm","binding":"UserProfile.LogoInsertion.LogoPP_Green_{{DocumentLanguage}}","disableUpdates":false,"type":"image"}},{"type":"shape","id":"ddabdb1f-56e3-4b6c-aa3f-0737e60b20a7","elementConfiguration":{"binding":"UserProfile.Street.Department_{{DocumentLanguage}}","disableUpdates":false,"type":"text"}},{"type":"shape","id":"3ad5da40-b162-4b9c-8e19-c824ae306edf","elementConfiguration":{"binding":"UserProfile.Name","disableUpdates":false,"type":"text"}},{"type":"shape","id":"d5eec61c-ab12-49e1-a909-726380c138d6","elementConfiguration":{"inheritDimensions":"inheritNone","height":"1.09 cm","binding":"UserProfile.LogoInsertion.LogoPP_White_{{DocumentLanguage}}","disableUpdates":false,"type":"image"}},{"type":"shape","id":"25f0ae42-4b81-45d0-a256-1a509a99883d","elementConfiguration":{"binding":"UserProfile.Street.Department_{{DocumentLanguage}}","disableUpdates":false,"type":"text"}},{"type":"shape","id":"73695348-2bf4-4838-9e65-187a563bc1f6","elementConfiguration":{"binding":"UserProfile.Name","disableUpdates":false,"type":"text"}},{"type":"shape","id":"74c9c233-be34-40a3-8601-79133d0e27d6","elementConfiguration":{"inheritDimensions":"inheritNone","height":"1.09 cm","binding":"UserProfile.LogoInsertion.LogoPP_White_{{DocumentLanguage}}","disableUpdates":false,"type":"image"}},{"type":"shape","id":"c0035f41-0dfc-475b-875b-4c6dc0a79547","elementConfiguration":{"binding":"UserProfile.Street.Department_{{DocumentLanguage}}","disableUpdates":false,"type":"text"}},{"type":"shape","id":"60ef32d7-fbf4-4920-ad91-8bf06bc59d8b","elementConfiguration":{"binding":"UserProfile.Name","disableUpdates":false,"type":"text"}},{"type":"shape","id":"97436f42-285d-4b11-947b-3cb5ec1b6230","elementConfiguration":{"format":"{{DateFormats.GeneralDate}}","binding":"Form.Date","visibility":{"action":"hide","binding":"Form.IncludeDate.Valg","operator":"equals","compareValue":"Ingen dato"},"disableUpdates":false,"type":"date"}},{"type":"shape","id":"0ecf05e3-ac50-49ae-bb08-fcdd2a06b1a1","elementConfiguration":{"inheritDimensions":"inheritNone","height":"1.09 cm","binding":"UserProfile.LogoInsertion.LogoPP_White_{{DocumentLanguage}}","disableUpdates":false,"type":"image"}},{"type":"shape","id":"d18a66e1-b293-417f-8af1-7f975334a120","elementConfiguration":{"inheritDimensions":"inheritNone","height":"2.7 cm","binding":"UserProfile.LogoInsertion.LogoPP_Center_{{DocumentLanguage}}","disableUpdates":false,"type":"image"}},{"type":"shape","id":"b544baff-6716-49bb-9e91-d4e6b5d23bd4","elementConfiguration":{"binding":"UserProfile.Street.Department_{{DocumentLanguage}}","disableUpdates":false,"type":"text"}},{"type":"shape","id":"134606f7-02d0-49f0-b15b-0792b7363b6f","elementConfiguration":{"binding":"UserProfile.Name","disableUpdates":false,"type":"text"}},{"type":"shape","id":"8c3c0e36-3084-4296-8171-3c46dfbfd436","elementConfiguration":{"inheritDimensions":"inheritNone","height":"1.09 cm","binding":"UserProfile.LogoInsertion.LogoPP_Green_{{DocumentLanguage}}","disableUpdates":false,"type":"image"}},{"type":"shape","id":"c7adb301-e46c-4e96-bd00-319b5ee42c07","elementConfiguration":{"binding":"UserProfile.Street.Department_{{DocumentLanguage}}","disableUpdates":false,"type":"text"}},{"type":"shape","id":"a6d773c4-5d95-492e-8eff-e206d226f737","elementConfiguration":{"binding":"UserProfile.Name","disableUpdates":false,"type":"text"}},{"type":"shape","id":"b5bba519-d240-432c-8544-3f13f1d9c497","elementConfiguration":{"format":"{{DateFormats.GeneralDate}}","binding":"Form.Date","visibility":{"action":"hide","binding":"Form.IncludeDate.Valg","operator":"equals","compareValue":"Ingen dato"},"disableUpdates":false,"type":"date"}},{"type":"shape","id":"f1b185f4-09e0-4ff4-a9aa-c060abf4d031","elementConfiguration":{"inheritDimensions":"inheritNone","height":"1.09 cm","binding":"UserProfile.LogoInsertion.LogoPP_Green_{{DocumentLanguage}}","disableUpdates":false,"type":"image"}},{"type":"shape","id":"20842739-553f-4533-9371-007932a7c5db","elementConfiguration":{"binding":"UserProfile.Street.Department_{{DocumentLanguage}}","disableUpdates":false,"type":"text"}},{"type":"shape","id":"2803153d-9d8d-444e-a562-8bf66bf60d9c","elementConfiguration":{"binding":"UserProfile.Name","disableUpdates":false,"type":"text"}},{"type":"shape","id":"beacd391-c4b4-4812-89e1-4b9b197ed158","elementConfiguration":{"inheritDimensions":"inheritNone","height":"1.09 cm","binding":"UserProfile.LogoInsertion.LogoPP_White_{{DocumentLanguage}}","disableUpdates":false,"type":"image"}},{"type":"shape","id":"6e694835-3f6c-4e6f-a8f6-eb4877bb88e8","elementConfiguration":{"binding":"UserProfile.Street.Department_{{DocumentLanguage}}","disableUpdates":false,"type":"text"}},{"type":"shape","id":"c350ce41-268e-462b-965e-fcd4b26fe42e","elementConfiguration":{"binding":"UserProfile.Name","disableUpdates":false,"type":"text"}},{"type":"shape","id":"044bd812-0181-46ae-8ae0-8b15d4428bce","elementConfiguration":{"inheritDimensions":"inheritNone","height":"1.09 cm","binding":"UserProfile.LogoInsertion.LogoPP_White_{{DocumentLanguage}}","disableUpdates":false,"type":"image"}},{"type":"shape","id":"377e1c9f-bb91-43f0-9e00-cd24b57cc321","elementConfiguration":{"binding":"UserProfile.Street.Department_{{DocumentLanguage}}","disableUpdates":false,"type":"text"}},{"type":"shape","id":"3291bf76-0796-4a76-b0ab-5bfc787d4db0","elementConfiguration":{"binding":"UserProfile.Name","disableUpdates":false,"type":"text"}},{"type":"shape","id":"4b1a12bd-4f6a-4100-8cb4-edebe4ed1146","elementConfiguration":{"format":"{{DateFormats.GeneralDate}}","binding":"Form.Date","visibility":{"action":"hide","binding":"Form.IncludeDate.Valg","operator":"equals","compareValue":"Ingen dato","compareValues":[]},"disableUpdates":false,"type":"date"}},{"type":"shape","id":"eb5bb207-b0dd-48af-8c47-f7ee4debe53a","elementConfiguration":{"inheritDimensions":"inheritNone","height":"1.09 cm","binding":"UserProfile.LogoInsertion.LogoPP_White_{{DocumentLanguage}}","disableUpdates":false,"type":"image"}},{"type":"shape","id":"0577bbcd-e926-4821-ae51-ab891549d067","elementConfiguration":{"binding":"UserProfile.Street.Department_{{DocumentLanguage}}","disableUpdates":false,"type":"text"}},{"type":"shape","id":"fe7480de-d8ca-464c-b1d2-3db3c528c0c4","elementConfiguration":{"binding":"UserProfile.Name","disableUpdates":false,"type":"text"}},{"type":"shape","id":"ba97702d-99ad-48eb-a98f-71bce89a2e2e","elementConfiguration":{"inheritDimensions":"inheritNone","height":"1.09 cm","binding":"UserProfile.LogoInsertion.LogoPP_Green_{{DocumentLanguage}}","disableUpdates":false,"type":"image"}},{"type":"shape","id":"fcd9201a-d95e-48ad-847b-b8b72294b777","elementConfiguration":{"binding":"UserProfile.Street.Department_{{DocumentLanguage}}","disableUpdates":false,"type":"text"}},{"type":"shape","id":"0f4b40c6-b0e2-4e79-af8b-88db4a1f2a37","elementConfiguration":{"binding":"UserProfile.Name","disableUpdates":false,"type":"text"}},{"type":"shape","id":"c5e614cd-9e82-41c2-a177-52bc444ce5e3","elementConfiguration":{"inheritDimensions":"inheritNone","height":"1.09 cm","binding":"UserProfile.LogoInsertion.LogoPP_White_{{DocumentLanguage}}","disableUpdates":false,"type":"image"}},{"type":"shape","id":"d327a152-761a-4f31-8e0a-40a9795f3d14","elementConfiguration":{"binding":"UserProfile.Street.Department_{{DocumentLanguage}}","disableUpdates":false,"type":"text"}},{"type":"shape","id":"adb2b743-42a8-4497-a579-2fe236bed4b1","elementConfiguration":{"binding":"UserProfile.Name","disableUpdates":false,"type":"text"}},{"type":"shape","id":"011d3b68-0253-4799-8899-2378df74a45b","elementConfiguration":{"format":"{{DateFormats.GeneralDate}}","binding":"Form.Date","visibility":{"action":"hide","binding":"Form.IncludeDate.Valg","operator":"equals","compareValue":"Ingen dato"},"disableUpdates":false,"type":"date"}},{"type":"shape","id":"f01a040a-5089-4d98-a792-53de3d072916","elementConfiguration":{"inheritDimensions":"inheritNone","height":"1.09 cm","binding":"UserProfile.LogoInsertion.LogoPP_Green_{{DocumentLanguage}}","disableUpdates":false,"type":"image"}},{"type":"shape","id":"8488a318-8bcb-453c-9b88-e5c8076f0dca","elementConfiguration":{"binding":"UserProfile.Street.Department_{{DocumentLanguage}}","disableUpdates":false,"type":"text"}},{"type":"shape","id":"dbbf45e3-22bf-449e-82bd-977291efdb76","elementConfiguration":{"binding":"UserProfile.Name","disableUpdates":false,"type":"text"}},{"type":"shape","id":"4f9781bb-7cbb-42fe-a532-ea4ad8433ef7","elementConfiguration":{"inheritDimensions":"inheritNone","height":"1.09 cm","binding":"UserProfile.LogoInsertion.LogoPP_White_{{DocumentLanguage}}","disableUpdates":false,"type":"image"}}],"transformationConfigurations":[{"language":"{{DocumentLanguage}}","disableUpdates":false,"type":"proofingLanguage"}],"templateName":"PowerPoint Skabelon med eksempler","templateDescription":"16:9 til skærmbrug","enableDocumentContentUpdater":true,"version":"1.10"}]]></TemplafyTemplateConfiguration>
</file>

<file path=customXml/itemProps1.xml><?xml version="1.0" encoding="utf-8"?>
<ds:datastoreItem xmlns:ds="http://schemas.openxmlformats.org/officeDocument/2006/customXml" ds:itemID="{3FF58B82-1C1A-435F-95C4-AC83F884E4AC}">
  <ds:schemaRefs/>
</ds:datastoreItem>
</file>

<file path=customXml/itemProps10.xml><?xml version="1.0" encoding="utf-8"?>
<ds:datastoreItem xmlns:ds="http://schemas.openxmlformats.org/officeDocument/2006/customXml" ds:itemID="{C15C11D9-51EF-4E81-ABC8-4061100F3537}">
  <ds:schemaRefs/>
</ds:datastoreItem>
</file>

<file path=customXml/itemProps11.xml><?xml version="1.0" encoding="utf-8"?>
<ds:datastoreItem xmlns:ds="http://schemas.openxmlformats.org/officeDocument/2006/customXml" ds:itemID="{728E1321-6752-43EE-A83D-4C6B7F76E504}">
  <ds:schemaRefs/>
</ds:datastoreItem>
</file>

<file path=customXml/itemProps12.xml><?xml version="1.0" encoding="utf-8"?>
<ds:datastoreItem xmlns:ds="http://schemas.openxmlformats.org/officeDocument/2006/customXml" ds:itemID="{E3695212-37EF-4564-B915-8EDDC9249151}">
  <ds:schemaRefs/>
</ds:datastoreItem>
</file>

<file path=customXml/itemProps13.xml><?xml version="1.0" encoding="utf-8"?>
<ds:datastoreItem xmlns:ds="http://schemas.openxmlformats.org/officeDocument/2006/customXml" ds:itemID="{AC86566C-E5EC-4857-9CB9-08029845C077}">
  <ds:schemaRefs/>
</ds:datastoreItem>
</file>

<file path=customXml/itemProps14.xml><?xml version="1.0" encoding="utf-8"?>
<ds:datastoreItem xmlns:ds="http://schemas.openxmlformats.org/officeDocument/2006/customXml" ds:itemID="{1D9D81F8-0909-49A0-9087-546D855B8FED}">
  <ds:schemaRefs/>
</ds:datastoreItem>
</file>

<file path=customXml/itemProps15.xml><?xml version="1.0" encoding="utf-8"?>
<ds:datastoreItem xmlns:ds="http://schemas.openxmlformats.org/officeDocument/2006/customXml" ds:itemID="{1719EE6E-0429-4AD6-8B8F-6AC8B0C48580}">
  <ds:schemaRefs/>
</ds:datastoreItem>
</file>

<file path=customXml/itemProps16.xml><?xml version="1.0" encoding="utf-8"?>
<ds:datastoreItem xmlns:ds="http://schemas.openxmlformats.org/officeDocument/2006/customXml" ds:itemID="{7CE58C7B-439B-4F0E-8424-7F5DF35EB466}">
  <ds:schemaRefs/>
</ds:datastoreItem>
</file>

<file path=customXml/itemProps17.xml><?xml version="1.0" encoding="utf-8"?>
<ds:datastoreItem xmlns:ds="http://schemas.openxmlformats.org/officeDocument/2006/customXml" ds:itemID="{F2C4A000-709A-4700-8061-1FE635ABB6AC}">
  <ds:schemaRefs/>
</ds:datastoreItem>
</file>

<file path=customXml/itemProps18.xml><?xml version="1.0" encoding="utf-8"?>
<ds:datastoreItem xmlns:ds="http://schemas.openxmlformats.org/officeDocument/2006/customXml" ds:itemID="{624813D6-152B-4EFD-A836-2A2C882D2C30}">
  <ds:schemaRefs/>
</ds:datastoreItem>
</file>

<file path=customXml/itemProps19.xml><?xml version="1.0" encoding="utf-8"?>
<ds:datastoreItem xmlns:ds="http://schemas.openxmlformats.org/officeDocument/2006/customXml" ds:itemID="{264EFCB2-8154-410D-B10E-B76DF2EC37FC}">
  <ds:schemaRefs/>
</ds:datastoreItem>
</file>

<file path=customXml/itemProps2.xml><?xml version="1.0" encoding="utf-8"?>
<ds:datastoreItem xmlns:ds="http://schemas.openxmlformats.org/officeDocument/2006/customXml" ds:itemID="{8A275B5B-FCAE-435C-A451-E3F958A4119D}">
  <ds:schemaRefs/>
</ds:datastoreItem>
</file>

<file path=customXml/itemProps20.xml><?xml version="1.0" encoding="utf-8"?>
<ds:datastoreItem xmlns:ds="http://schemas.openxmlformats.org/officeDocument/2006/customXml" ds:itemID="{51F31B95-29E2-4F59-8BC1-8F78D15DD409}">
  <ds:schemaRefs/>
</ds:datastoreItem>
</file>

<file path=customXml/itemProps3.xml><?xml version="1.0" encoding="utf-8"?>
<ds:datastoreItem xmlns:ds="http://schemas.openxmlformats.org/officeDocument/2006/customXml" ds:itemID="{B349C44D-80BD-4444-9390-5A0A3CFE3153}">
  <ds:schemaRefs/>
</ds:datastoreItem>
</file>

<file path=customXml/itemProps4.xml><?xml version="1.0" encoding="utf-8"?>
<ds:datastoreItem xmlns:ds="http://schemas.openxmlformats.org/officeDocument/2006/customXml" ds:itemID="{A85C245B-05CF-4585-8196-30B72790B39F}">
  <ds:schemaRefs/>
</ds:datastoreItem>
</file>

<file path=customXml/itemProps5.xml><?xml version="1.0" encoding="utf-8"?>
<ds:datastoreItem xmlns:ds="http://schemas.openxmlformats.org/officeDocument/2006/customXml" ds:itemID="{9EC51998-ADE9-4223-ACC1-9EDD650C2082}">
  <ds:schemaRefs/>
</ds:datastoreItem>
</file>

<file path=customXml/itemProps6.xml><?xml version="1.0" encoding="utf-8"?>
<ds:datastoreItem xmlns:ds="http://schemas.openxmlformats.org/officeDocument/2006/customXml" ds:itemID="{2DDA08A7-5F1C-45EB-A459-FF3194D7A249}">
  <ds:schemaRefs/>
</ds:datastoreItem>
</file>

<file path=customXml/itemProps7.xml><?xml version="1.0" encoding="utf-8"?>
<ds:datastoreItem xmlns:ds="http://schemas.openxmlformats.org/officeDocument/2006/customXml" ds:itemID="{61836990-3E18-4EB8-B35A-1FD9F16FBC0F}">
  <ds:schemaRefs/>
</ds:datastoreItem>
</file>

<file path=customXml/itemProps8.xml><?xml version="1.0" encoding="utf-8"?>
<ds:datastoreItem xmlns:ds="http://schemas.openxmlformats.org/officeDocument/2006/customXml" ds:itemID="{695599E1-B92F-4F9F-B93B-91ADA20E637F}">
  <ds:schemaRefs/>
</ds:datastoreItem>
</file>

<file path=customXml/itemProps9.xml><?xml version="1.0" encoding="utf-8"?>
<ds:datastoreItem xmlns:ds="http://schemas.openxmlformats.org/officeDocument/2006/customXml" ds:itemID="{90796D56-7DE8-427A-9901-4436C7B9FDB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CNSkabelon</Template>
  <TotalTime>339</TotalTime>
  <Words>2408</Words>
  <Application>Microsoft Office PowerPoint</Application>
  <PresentationFormat>Widescreen</PresentationFormat>
  <Paragraphs>490</Paragraphs>
  <Slides>4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6</vt:i4>
      </vt:variant>
    </vt:vector>
  </HeadingPairs>
  <TitlesOfParts>
    <vt:vector size="51" baseType="lpstr">
      <vt:lpstr>Arial</vt:lpstr>
      <vt:lpstr>Arial Black</vt:lpstr>
      <vt:lpstr>Courier New</vt:lpstr>
      <vt:lpstr>Verdana</vt:lpstr>
      <vt:lpstr>Blank</vt:lpstr>
      <vt:lpstr>Klub Knoll Workshop, del 2</vt:lpstr>
      <vt:lpstr>Agenda</vt:lpstr>
      <vt:lpstr>IoT Program language ? </vt:lpstr>
      <vt:lpstr>What is special when selecting prg language for IoT? </vt:lpstr>
      <vt:lpstr>What is special when selecting prg language for IoT? </vt:lpstr>
      <vt:lpstr>Python and IoT (Embedded systems) </vt:lpstr>
      <vt:lpstr>In Python it is (often)simple to make complex thing</vt:lpstr>
      <vt:lpstr>Micropython </vt:lpstr>
      <vt:lpstr>Python vs MicroPython</vt:lpstr>
      <vt:lpstr>Python standard libraries and micro-libraries</vt:lpstr>
      <vt:lpstr>Python standard libraries and micro-libraries</vt:lpstr>
      <vt:lpstr>MicroPython-specific libraries</vt:lpstr>
      <vt:lpstr>Goals of Python</vt:lpstr>
      <vt:lpstr>Syntax and elements in langauge</vt:lpstr>
      <vt:lpstr>Code block</vt:lpstr>
      <vt:lpstr>Comments</vt:lpstr>
      <vt:lpstr>Arithmetic </vt:lpstr>
      <vt:lpstr>Variables</vt:lpstr>
      <vt:lpstr>Assignment and variable</vt:lpstr>
      <vt:lpstr>Variable type</vt:lpstr>
      <vt:lpstr>Python If ... Elif</vt:lpstr>
      <vt:lpstr>Python If … Else</vt:lpstr>
      <vt:lpstr>Assignment #1 Reaction game</vt:lpstr>
      <vt:lpstr>Basic Data Structure</vt:lpstr>
      <vt:lpstr>Python List</vt:lpstr>
      <vt:lpstr>Python List</vt:lpstr>
      <vt:lpstr>Python tubles </vt:lpstr>
      <vt:lpstr>Python Set and dictionaries</vt:lpstr>
      <vt:lpstr>Assignment #2  Reaction game for two players</vt:lpstr>
      <vt:lpstr>Python Loop</vt:lpstr>
      <vt:lpstr>Python Functions</vt:lpstr>
      <vt:lpstr>Python function, arguments and retrun values</vt:lpstr>
      <vt:lpstr>Python class</vt:lpstr>
      <vt:lpstr>PIO</vt:lpstr>
      <vt:lpstr>PIO </vt:lpstr>
      <vt:lpstr>PIO </vt:lpstr>
      <vt:lpstr>Instructionset</vt:lpstr>
      <vt:lpstr>PIO example (Blink LED with 1Hz)</vt:lpstr>
      <vt:lpstr>PIO exampel (Blink LED with 1Hz)</vt:lpstr>
      <vt:lpstr>Links</vt:lpstr>
      <vt:lpstr>Relevant Links</vt:lpstr>
      <vt:lpstr>Book</vt:lpstr>
      <vt:lpstr>Port Assignment</vt:lpstr>
      <vt:lpstr>Filer i MicroPython</vt:lpstr>
      <vt:lpstr>Filer i MicroPython</vt:lpstr>
      <vt:lpstr>Filer i MicroPyth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Klub Knoll Workshop, del 2</dc:title>
  <dc:creator>Ib Helmer Nielsen</dc:creator>
  <cp:lastModifiedBy>Ib Helmer Nielsen</cp:lastModifiedBy>
  <cp:revision>1</cp:revision>
  <dcterms:created xsi:type="dcterms:W3CDTF">2021-04-28T17:01:27Z</dcterms:created>
  <dcterms:modified xsi:type="dcterms:W3CDTF">2021-04-28T22:40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20-09-11T13:10:36.7517501</vt:lpwstr>
  </property>
  <property fmtid="{D5CDD505-2E9C-101B-9397-08002B2CF9AE}" pid="4" name="TemplafyTenantId">
    <vt:lpwstr>ucn</vt:lpwstr>
  </property>
  <property fmtid="{D5CDD505-2E9C-101B-9397-08002B2CF9AE}" pid="5" name="TemplafyTemplateId">
    <vt:lpwstr>637344593782082608</vt:lpwstr>
  </property>
  <property fmtid="{D5CDD505-2E9C-101B-9397-08002B2CF9AE}" pid="6" name="TemplafyUserProfileId">
    <vt:lpwstr>637274501970003997</vt:lpwstr>
  </property>
  <property fmtid="{D5CDD505-2E9C-101B-9397-08002B2CF9AE}" pid="7" name="TemplafyLanguageCode">
    <vt:lpwstr>da-DK</vt:lpwstr>
  </property>
</Properties>
</file>